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4029\01_調整・世界遺産登録推進G\02_世界遺産登録推進ライン\02_普及啓発\01_文化財保護ポスター\文化財保護ポスター\令和７年度\02_ポスター応募依頼\02_起案\別添\"/>
    </mc:Choice>
  </mc:AlternateContent>
  <bookViews>
    <workbookView xWindow="0" yWindow="0" windowWidth="14670" windowHeight="9030"/>
  </bookViews>
  <sheets>
    <sheet name="(様式2-1)R7応募者名簿(文化財保護)" sheetId="2" r:id="rId1"/>
    <sheet name="(様式2-2)R7応募者名簿(私のまち)" sheetId="5" r:id="rId2"/>
    <sheet name="(様式2-3)R7応募者名簿(世界遺産)" sheetId="6" r:id="rId3"/>
  </sheets>
  <definedNames>
    <definedName name="_xlnm.Print_Area" localSheetId="0">'(様式2-1)R7応募者名簿(文化財保護)'!$A$1:$F$49</definedName>
    <definedName name="_xlnm.Print_Area" localSheetId="1">'(様式2-2)R7応募者名簿(私のまち)'!$A$1:$F$49</definedName>
    <definedName name="_xlnm.Print_Area" localSheetId="2">'(様式2-3)R7応募者名簿(世界遺産)'!$A$1:$F$49</definedName>
  </definedNames>
  <calcPr calcId="0"/>
</workbook>
</file>

<file path=xl/sharedStrings.xml><?xml version="1.0" encoding="utf-8"?>
<sst xmlns="http://schemas.openxmlformats.org/spreadsheetml/2006/main" count="83" uniqueCount="25">
  <si>
    <t>（様式２－１）</t>
  </si>
  <si>
    <t>「わたしたちの文化財」部門　</t>
  </si>
  <si>
    <t>番号</t>
  </si>
  <si>
    <t>氏　　名</t>
  </si>
  <si>
    <t>学年</t>
  </si>
  <si>
    <r>
      <t>　　＊</t>
    </r>
    <r>
      <rPr>
        <sz val="10.5"/>
        <color rgb="FF000000"/>
        <rFont val="Century"/>
        <family val="1"/>
      </rPr>
      <t xml:space="preserve"> </t>
    </r>
    <r>
      <rPr>
        <sz val="10.5"/>
        <color rgb="FF000000"/>
        <rFont val="ＭＳ 明朝"/>
        <family val="1"/>
        <charset val="128"/>
      </rPr>
      <t>記入欄が足りない場合はコピーして使用してください。</t>
    </r>
  </si>
  <si>
    <r>
      <t>　　＊</t>
    </r>
    <r>
      <rPr>
        <sz val="10.5"/>
        <color rgb="FF000000"/>
        <rFont val="Century"/>
        <family val="1"/>
      </rPr>
      <t xml:space="preserve"> </t>
    </r>
    <r>
      <rPr>
        <sz val="10.5"/>
        <color rgb="FF000000"/>
        <rFont val="ＭＳ 明朝"/>
        <family val="1"/>
        <charset val="128"/>
      </rPr>
      <t>１次審査機関に提出いただいた作品について応募者名簿に御記入ください。</t>
    </r>
  </si>
  <si>
    <t>学校であらかじめ作品を選抜していただいている場合、実際の応募作品の総数（１次審査機関に提出する作品数を含む。）を次欄に御記入願います。</t>
  </si>
  <si>
    <t>計</t>
  </si>
  <si>
    <t>「世界遺産登録をめざす鎌倉」部門　</t>
  </si>
  <si>
    <r>
      <rPr>
        <sz val="10.5"/>
        <color rgb="FF000000"/>
        <rFont val="Century"/>
        <family val="1"/>
      </rPr>
      <t xml:space="preserve">        </t>
    </r>
    <r>
      <rPr>
        <sz val="10.5"/>
        <color rgb="FF000000"/>
        <rFont val="ＭＳ 明朝"/>
        <family val="1"/>
        <charset val="128"/>
      </rPr>
      <t>＊</t>
    </r>
    <r>
      <rPr>
        <sz val="10.5"/>
        <color rgb="FF000000"/>
        <rFont val="Century"/>
        <family val="1"/>
      </rPr>
      <t xml:space="preserve"> </t>
    </r>
    <r>
      <rPr>
        <sz val="10.5"/>
        <color rgb="FF000000"/>
        <rFont val="ＭＳ 明朝"/>
        <family val="1"/>
        <charset val="128"/>
      </rPr>
      <t>この名簿は、入賞者の賞状作成の際、氏名の漢字確認にも使用しますので、</t>
    </r>
    <phoneticPr fontId="28"/>
  </si>
  <si>
    <t xml:space="preserve">      記入にあたっては正確な字体で御記入ください。</t>
    <phoneticPr fontId="28"/>
  </si>
  <si>
    <r>
      <rPr>
        <sz val="10.5"/>
        <color rgb="FF000000"/>
        <rFont val="ＭＳ 明朝"/>
        <family val="1"/>
        <charset val="128"/>
      </rPr>
      <t>学</t>
    </r>
    <r>
      <rPr>
        <sz val="10.5"/>
        <color rgb="FF000000"/>
        <rFont val="Century"/>
        <family val="1"/>
      </rPr>
      <t xml:space="preserve">  </t>
    </r>
    <r>
      <rPr>
        <sz val="10.5"/>
        <color rgb="FF000000"/>
        <rFont val="ＭＳ 明朝"/>
        <family val="1"/>
        <charset val="128"/>
      </rPr>
      <t>校</t>
    </r>
    <r>
      <rPr>
        <sz val="10.5"/>
        <color rgb="FF000000"/>
        <rFont val="Century"/>
        <family val="1"/>
      </rPr>
      <t xml:space="preserve">  </t>
    </r>
    <r>
      <rPr>
        <sz val="10.5"/>
        <color rgb="FF000000"/>
        <rFont val="ＭＳ 明朝"/>
        <family val="1"/>
        <charset val="128"/>
      </rPr>
      <t>名</t>
    </r>
    <r>
      <rPr>
        <sz val="10.5"/>
        <color rgb="FF000000"/>
        <rFont val="Century"/>
        <family val="1"/>
      </rPr>
      <t xml:space="preserve">      </t>
    </r>
    <r>
      <rPr>
        <sz val="10.5"/>
        <color rgb="FF000000"/>
        <rFont val="ＭＳ 明朝"/>
        <family val="1"/>
        <charset val="128"/>
      </rPr>
      <t>　　　　　　　　　　　　</t>
    </r>
    <phoneticPr fontId="28"/>
  </si>
  <si>
    <t>担当教諭名　　　　　　　　　　　　</t>
    <phoneticPr fontId="28"/>
  </si>
  <si>
    <t>ＴＥＬ　　　　　　　　　　　　　</t>
    <phoneticPr fontId="28"/>
  </si>
  <si>
    <t>　　　テーマ１『文化財保護』</t>
    <phoneticPr fontId="28"/>
  </si>
  <si>
    <t>　　　テーマ２『私のまちの文化財』</t>
    <phoneticPr fontId="28"/>
  </si>
  <si>
    <t>第54回文化財保護ポスター応募者名簿</t>
    <phoneticPr fontId="28"/>
  </si>
  <si>
    <t>作品</t>
    <rPh sb="0" eb="2">
      <t>サクヒン</t>
    </rPh>
    <phoneticPr fontId="28"/>
  </si>
  <si>
    <t>１年</t>
    <phoneticPr fontId="28"/>
  </si>
  <si>
    <t>２年</t>
    <phoneticPr fontId="28"/>
  </si>
  <si>
    <t>３年</t>
    <phoneticPr fontId="28"/>
  </si>
  <si>
    <t>ふりがな</t>
    <phoneticPr fontId="28"/>
  </si>
  <si>
    <t>（様式２－２）</t>
    <phoneticPr fontId="28"/>
  </si>
  <si>
    <t>（様式２－３）</t>
    <phoneticPr fontId="2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3" x14ac:knownFonts="1">
    <font>
      <sz val="12"/>
      <color theme="1"/>
      <name val="ＭＳ 明朝"/>
      <family val="2"/>
      <charset val="128"/>
    </font>
    <font>
      <sz val="12"/>
      <color theme="1"/>
      <name val="ＭＳ 明朝"/>
      <family val="2"/>
      <charset val="128"/>
    </font>
    <font>
      <sz val="18"/>
      <color theme="3"/>
      <name val="游ゴシック Light"/>
      <family val="2"/>
      <charset val="128"/>
      <scheme val="major"/>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0006"/>
      <name val="ＭＳ 明朝"/>
      <family val="2"/>
      <charset val="128"/>
    </font>
    <font>
      <sz val="12"/>
      <color rgb="FF9C6500"/>
      <name val="ＭＳ 明朝"/>
      <family val="2"/>
      <charset val="128"/>
    </font>
    <font>
      <sz val="12"/>
      <color rgb="FF3F3F76"/>
      <name val="ＭＳ 明朝"/>
      <family val="2"/>
      <charset val="128"/>
    </font>
    <font>
      <b/>
      <sz val="12"/>
      <color rgb="FF3F3F3F"/>
      <name val="ＭＳ 明朝"/>
      <family val="2"/>
      <charset val="128"/>
    </font>
    <font>
      <b/>
      <sz val="12"/>
      <color rgb="FFFA7D00"/>
      <name val="ＭＳ 明朝"/>
      <family val="2"/>
      <charset val="128"/>
    </font>
    <font>
      <sz val="12"/>
      <color rgb="FFFA7D00"/>
      <name val="ＭＳ 明朝"/>
      <family val="2"/>
      <charset val="128"/>
    </font>
    <font>
      <b/>
      <sz val="12"/>
      <color theme="0"/>
      <name val="ＭＳ 明朝"/>
      <family val="2"/>
      <charset val="128"/>
    </font>
    <font>
      <sz val="12"/>
      <color rgb="FFFF0000"/>
      <name val="ＭＳ 明朝"/>
      <family val="2"/>
      <charset val="128"/>
    </font>
    <font>
      <i/>
      <sz val="12"/>
      <color rgb="FF7F7F7F"/>
      <name val="ＭＳ 明朝"/>
      <family val="2"/>
      <charset val="128"/>
    </font>
    <font>
      <b/>
      <sz val="12"/>
      <color theme="1"/>
      <name val="ＭＳ 明朝"/>
      <family val="2"/>
      <charset val="128"/>
    </font>
    <font>
      <sz val="12"/>
      <color theme="0"/>
      <name val="ＭＳ 明朝"/>
      <family val="2"/>
      <charset val="128"/>
    </font>
    <font>
      <sz val="10.5"/>
      <color rgb="FF000000"/>
      <name val="ＭＳ 明朝"/>
      <family val="1"/>
      <charset val="128"/>
    </font>
    <font>
      <sz val="10.5"/>
      <color rgb="FF000000"/>
      <name val="Century"/>
      <family val="1"/>
    </font>
    <font>
      <b/>
      <sz val="16"/>
      <color rgb="FF000000"/>
      <name val="ＭＳ Ｐゴシック"/>
      <family val="3"/>
      <charset val="128"/>
    </font>
    <font>
      <b/>
      <u/>
      <sz val="12"/>
      <color rgb="FF000000"/>
      <name val="ＭＳ 明朝"/>
      <family val="1"/>
      <charset val="128"/>
    </font>
    <font>
      <b/>
      <sz val="12"/>
      <color rgb="FF000000"/>
      <name val="ＭＳ ゴシック"/>
      <family val="3"/>
      <charset val="128"/>
    </font>
    <font>
      <sz val="12"/>
      <color rgb="FF000000"/>
      <name val="ＭＳ 明朝"/>
      <family val="1"/>
      <charset val="128"/>
    </font>
    <font>
      <sz val="13.5"/>
      <color rgb="FF000000"/>
      <name val="ＭＳ 明朝"/>
      <family val="1"/>
      <charset val="128"/>
    </font>
    <font>
      <i/>
      <sz val="10.5"/>
      <color rgb="FFFF0000"/>
      <name val="Century"/>
      <family val="1"/>
    </font>
    <font>
      <b/>
      <u/>
      <sz val="12"/>
      <color theme="1"/>
      <name val="ＭＳ 明朝"/>
      <family val="1"/>
      <charset val="128"/>
    </font>
    <font>
      <b/>
      <sz val="12"/>
      <color rgb="FF000000"/>
      <name val="Century"/>
      <family val="1"/>
    </font>
    <font>
      <sz val="6"/>
      <name val="ＭＳ 明朝"/>
      <family val="2"/>
      <charset val="128"/>
    </font>
    <font>
      <sz val="12"/>
      <color rgb="FF000000"/>
      <name val="UD デジタル 教科書体 N-R"/>
      <family val="1"/>
      <charset val="128"/>
    </font>
    <font>
      <sz val="10"/>
      <color rgb="FF000000"/>
      <name val="UD デジタル 教科書体 N-R"/>
      <family val="1"/>
      <charset val="128"/>
    </font>
    <font>
      <sz val="10"/>
      <color rgb="FF000000"/>
      <name val="ＭＳ 明朝"/>
      <family val="1"/>
      <charset val="128"/>
    </font>
    <font>
      <sz val="12"/>
      <color theme="1"/>
      <name val="ＭＳ 明朝"/>
      <family val="1"/>
      <charset val="128"/>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26">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right/>
      <top/>
      <bottom style="thin">
        <color indexed="64"/>
      </bottom>
      <diagonal/>
    </border>
    <border>
      <left/>
      <right style="thin">
        <color indexed="64"/>
      </right>
      <top style="thin">
        <color indexed="64"/>
      </top>
      <bottom style="thin">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style="double">
        <color indexed="64"/>
      </right>
      <top/>
      <bottom style="thin">
        <color indexed="64"/>
      </bottom>
      <diagonal/>
    </border>
    <border>
      <left/>
      <right/>
      <top style="thin">
        <color indexed="64"/>
      </top>
      <bottom/>
      <diagonal/>
    </border>
  </borders>
  <cellStyleXfs count="42">
    <xf numFmtId="0" fontId="0" fillId="0" borderId="0">
      <alignment vertical="center"/>
    </xf>
    <xf numFmtId="0" fontId="2" fillId="0" borderId="0" applyNumberFormat="0" applyFill="0" applyBorder="0" applyAlignment="0" applyProtection="0">
      <alignment vertical="center"/>
    </xf>
    <xf numFmtId="0" fontId="3" fillId="0" borderId="1" applyNumberFormat="0" applyFill="0" applyAlignment="0" applyProtection="0">
      <alignment vertical="center"/>
    </xf>
    <xf numFmtId="0" fontId="4" fillId="0" borderId="2" applyNumberFormat="0" applyFill="0" applyAlignment="0" applyProtection="0">
      <alignment vertical="center"/>
    </xf>
    <xf numFmtId="0" fontId="5" fillId="0" borderId="3" applyNumberFormat="0" applyFill="0" applyAlignment="0" applyProtection="0">
      <alignment vertical="center"/>
    </xf>
    <xf numFmtId="0" fontId="5" fillId="0" borderId="0" applyNumberFormat="0" applyFill="0" applyBorder="0" applyAlignment="0" applyProtection="0">
      <alignment vertical="center"/>
    </xf>
    <xf numFmtId="0" fontId="6" fillId="2" borderId="0" applyNumberFormat="0" applyBorder="0" applyAlignment="0" applyProtection="0">
      <alignment vertical="center"/>
    </xf>
    <xf numFmtId="0" fontId="7" fillId="3" borderId="0" applyNumberFormat="0" applyBorder="0" applyAlignment="0" applyProtection="0">
      <alignment vertical="center"/>
    </xf>
    <xf numFmtId="0" fontId="8" fillId="4" borderId="0" applyNumberFormat="0" applyBorder="0" applyAlignment="0" applyProtection="0">
      <alignment vertical="center"/>
    </xf>
    <xf numFmtId="0" fontId="9" fillId="5" borderId="4" applyNumberFormat="0" applyAlignment="0" applyProtection="0">
      <alignment vertical="center"/>
    </xf>
    <xf numFmtId="0" fontId="10" fillId="6" borderId="5" applyNumberFormat="0" applyAlignment="0" applyProtection="0">
      <alignment vertical="center"/>
    </xf>
    <xf numFmtId="0" fontId="11" fillId="6" borderId="4" applyNumberFormat="0" applyAlignment="0" applyProtection="0">
      <alignment vertical="center"/>
    </xf>
    <xf numFmtId="0" fontId="12" fillId="0" borderId="6" applyNumberFormat="0" applyFill="0" applyAlignment="0" applyProtection="0">
      <alignment vertical="center"/>
    </xf>
    <xf numFmtId="0" fontId="13" fillId="7" borderId="7" applyNumberFormat="0" applyAlignment="0" applyProtection="0">
      <alignment vertical="center"/>
    </xf>
    <xf numFmtId="0" fontId="14" fillId="0" borderId="0" applyNumberFormat="0" applyFill="0" applyBorder="0" applyAlignment="0" applyProtection="0">
      <alignment vertical="center"/>
    </xf>
    <xf numFmtId="0" fontId="1" fillId="8" borderId="8" applyNumberFormat="0" applyFont="0" applyAlignment="0" applyProtection="0">
      <alignment vertical="center"/>
    </xf>
    <xf numFmtId="0" fontId="15" fillId="0" borderId="0" applyNumberFormat="0" applyFill="0" applyBorder="0" applyAlignment="0" applyProtection="0">
      <alignment vertical="center"/>
    </xf>
    <xf numFmtId="0" fontId="16" fillId="0" borderId="9" applyNumberFormat="0" applyFill="0" applyAlignment="0" applyProtection="0">
      <alignment vertical="center"/>
    </xf>
    <xf numFmtId="0" fontId="17"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7" fillId="12" borderId="0" applyNumberFormat="0" applyBorder="0" applyAlignment="0" applyProtection="0">
      <alignment vertical="center"/>
    </xf>
    <xf numFmtId="0" fontId="17"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17" fillId="16" borderId="0" applyNumberFormat="0" applyBorder="0" applyAlignment="0" applyProtection="0">
      <alignment vertical="center"/>
    </xf>
    <xf numFmtId="0" fontId="17"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17" fillId="20" borderId="0" applyNumberFormat="0" applyBorder="0" applyAlignment="0" applyProtection="0">
      <alignment vertical="center"/>
    </xf>
    <xf numFmtId="0" fontId="17"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17" fillId="24" borderId="0" applyNumberFormat="0" applyBorder="0" applyAlignment="0" applyProtection="0">
      <alignment vertical="center"/>
    </xf>
    <xf numFmtId="0" fontId="17"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17" fillId="28" borderId="0" applyNumberFormat="0" applyBorder="0" applyAlignment="0" applyProtection="0">
      <alignment vertical="center"/>
    </xf>
    <xf numFmtId="0" fontId="17"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17" fillId="32" borderId="0" applyNumberFormat="0" applyBorder="0" applyAlignment="0" applyProtection="0">
      <alignment vertical="center"/>
    </xf>
  </cellStyleXfs>
  <cellXfs count="42">
    <xf numFmtId="0" fontId="0" fillId="0" borderId="0" xfId="0">
      <alignment vertical="center"/>
    </xf>
    <xf numFmtId="0" fontId="19" fillId="0" borderId="0" xfId="0" applyFont="1" applyAlignment="1">
      <alignment horizontal="justify" vertical="center"/>
    </xf>
    <xf numFmtId="0" fontId="25" fillId="0" borderId="0" xfId="0" applyFont="1" applyAlignment="1">
      <alignment horizontal="justify" vertical="center"/>
    </xf>
    <xf numFmtId="0" fontId="27" fillId="0" borderId="0" xfId="0" applyFont="1" applyAlignment="1">
      <alignment horizontal="justify" vertical="center"/>
    </xf>
    <xf numFmtId="0" fontId="0" fillId="0" borderId="0" xfId="0" applyAlignment="1">
      <alignment vertical="center"/>
    </xf>
    <xf numFmtId="0" fontId="18" fillId="0" borderId="10" xfId="0" applyFont="1" applyBorder="1" applyAlignment="1">
      <alignment horizontal="center" vertical="center" wrapText="1"/>
    </xf>
    <xf numFmtId="0" fontId="18" fillId="0" borderId="12" xfId="0" applyFont="1" applyBorder="1" applyAlignment="1">
      <alignment horizontal="center" vertical="center" wrapText="1"/>
    </xf>
    <xf numFmtId="0" fontId="18" fillId="0" borderId="13" xfId="0" applyFont="1" applyBorder="1" applyAlignment="1">
      <alignment horizontal="center" vertical="center" wrapText="1"/>
    </xf>
    <xf numFmtId="0" fontId="19" fillId="0" borderId="0" xfId="0" applyFont="1" applyAlignment="1">
      <alignment vertical="center" wrapText="1"/>
    </xf>
    <xf numFmtId="0" fontId="0" fillId="0" borderId="0" xfId="0" applyFont="1" applyAlignment="1">
      <alignment vertical="center"/>
    </xf>
    <xf numFmtId="0" fontId="0" fillId="0" borderId="0" xfId="0" applyFont="1" applyAlignment="1">
      <alignment horizontal="center" vertical="center"/>
    </xf>
    <xf numFmtId="0" fontId="18" fillId="0" borderId="0" xfId="0" applyFont="1" applyAlignment="1">
      <alignment vertical="center" wrapText="1"/>
    </xf>
    <xf numFmtId="0" fontId="0" fillId="0" borderId="14" xfId="0" applyBorder="1">
      <alignment vertical="center"/>
    </xf>
    <xf numFmtId="0" fontId="24" fillId="0" borderId="11" xfId="0" applyFont="1" applyBorder="1" applyAlignment="1">
      <alignment horizontal="right" vertical="center" wrapText="1"/>
    </xf>
    <xf numFmtId="0" fontId="0" fillId="0" borderId="0" xfId="0">
      <alignment vertical="center"/>
    </xf>
    <xf numFmtId="0" fontId="24" fillId="0" borderId="16" xfId="0" applyFont="1" applyBorder="1" applyAlignment="1">
      <alignment horizontal="right" vertical="center" wrapText="1"/>
    </xf>
    <xf numFmtId="0" fontId="29" fillId="0" borderId="18" xfId="0" applyFont="1" applyBorder="1" applyAlignment="1">
      <alignment horizontal="justify" vertical="center" wrapText="1"/>
    </xf>
    <xf numFmtId="0" fontId="30" fillId="0" borderId="19" xfId="0" applyFont="1" applyBorder="1" applyAlignment="1">
      <alignment horizontal="center" vertical="center" wrapText="1"/>
    </xf>
    <xf numFmtId="0" fontId="31" fillId="0" borderId="19" xfId="0" applyFont="1" applyBorder="1" applyAlignment="1">
      <alignment horizontal="center" vertical="center" wrapText="1"/>
    </xf>
    <xf numFmtId="0" fontId="23" fillId="0" borderId="20" xfId="0" applyFont="1" applyBorder="1" applyAlignment="1">
      <alignment horizontal="center" vertical="center" wrapText="1"/>
    </xf>
    <xf numFmtId="0" fontId="23" fillId="0" borderId="15" xfId="0" applyFont="1" applyBorder="1" applyAlignment="1">
      <alignment horizontal="center" vertical="center" wrapText="1"/>
    </xf>
    <xf numFmtId="0" fontId="23" fillId="0" borderId="17" xfId="0" applyFont="1" applyBorder="1" applyAlignment="1">
      <alignment horizontal="center" vertical="center" wrapText="1"/>
    </xf>
    <xf numFmtId="0" fontId="23" fillId="0" borderId="12" xfId="0" applyFont="1" applyBorder="1" applyAlignment="1">
      <alignment horizontal="center" vertical="center" wrapText="1"/>
    </xf>
    <xf numFmtId="0" fontId="23" fillId="0" borderId="18" xfId="0" applyFont="1" applyBorder="1" applyAlignment="1">
      <alignment horizontal="center" vertical="center" wrapText="1"/>
    </xf>
    <xf numFmtId="0" fontId="18" fillId="0" borderId="12" xfId="0" applyFont="1" applyBorder="1" applyAlignment="1">
      <alignment horizontal="center" vertical="center" wrapText="1"/>
    </xf>
    <xf numFmtId="0" fontId="18" fillId="0" borderId="18" xfId="0" applyFont="1" applyBorder="1" applyAlignment="1">
      <alignment horizontal="center" vertical="center" wrapText="1"/>
    </xf>
    <xf numFmtId="0" fontId="22" fillId="0" borderId="0" xfId="0" applyFont="1" applyAlignment="1">
      <alignment horizontal="justify" vertical="center" wrapText="1"/>
    </xf>
    <xf numFmtId="0" fontId="0" fillId="0" borderId="0" xfId="0">
      <alignment vertical="center"/>
    </xf>
    <xf numFmtId="0" fontId="18" fillId="0" borderId="0" xfId="0" applyFont="1" applyAlignment="1">
      <alignment horizontal="justify" vertical="center" wrapText="1"/>
    </xf>
    <xf numFmtId="0" fontId="23" fillId="0" borderId="0" xfId="0" applyFont="1" applyAlignment="1">
      <alignment horizontal="justify" vertical="center" wrapText="1"/>
    </xf>
    <xf numFmtId="0" fontId="32" fillId="0" borderId="0" xfId="0" applyFont="1">
      <alignment vertical="center"/>
    </xf>
    <xf numFmtId="0" fontId="20" fillId="0" borderId="0" xfId="0" applyFont="1" applyAlignment="1">
      <alignment horizontal="center" vertical="center" wrapText="1"/>
    </xf>
    <xf numFmtId="0" fontId="19" fillId="0" borderId="14" xfId="0" applyFont="1" applyBorder="1" applyAlignment="1">
      <alignment horizontal="left" wrapText="1"/>
    </xf>
    <xf numFmtId="0" fontId="21" fillId="0" borderId="0" xfId="0" applyFont="1" applyAlignment="1">
      <alignment horizontal="justify" vertical="center" wrapText="1"/>
    </xf>
    <xf numFmtId="0" fontId="26" fillId="0" borderId="0" xfId="0" applyFont="1" applyAlignment="1">
      <alignment horizontal="justify" vertical="center" wrapText="1"/>
    </xf>
    <xf numFmtId="0" fontId="23" fillId="0" borderId="21" xfId="0" applyFont="1" applyBorder="1" applyAlignment="1">
      <alignment horizontal="center" vertical="center" wrapText="1"/>
    </xf>
    <xf numFmtId="0" fontId="18" fillId="0" borderId="22" xfId="0" applyFont="1" applyBorder="1" applyAlignment="1">
      <alignment horizontal="center" vertical="center" wrapText="1"/>
    </xf>
    <xf numFmtId="0" fontId="18" fillId="0" borderId="21" xfId="0" applyFont="1" applyBorder="1" applyAlignment="1">
      <alignment horizontal="center" vertical="center" wrapText="1"/>
    </xf>
    <xf numFmtId="0" fontId="23" fillId="0" borderId="23" xfId="0" applyFont="1" applyBorder="1" applyAlignment="1">
      <alignment horizontal="center" vertical="center" wrapText="1"/>
    </xf>
    <xf numFmtId="0" fontId="23" fillId="0" borderId="24" xfId="0" applyFont="1" applyBorder="1" applyAlignment="1">
      <alignment horizontal="center" vertical="center" wrapText="1"/>
    </xf>
    <xf numFmtId="0" fontId="23" fillId="0" borderId="22" xfId="0" applyFont="1" applyBorder="1" applyAlignment="1">
      <alignment horizontal="center" vertical="center" wrapText="1"/>
    </xf>
    <xf numFmtId="0" fontId="18" fillId="0" borderId="25" xfId="0" applyFont="1" applyBorder="1" applyAlignment="1">
      <alignment horizontal="justify" vertical="center" wrapText="1"/>
    </xf>
  </cellXfs>
  <cellStyles count="42">
    <cellStyle name="20% - アクセント 1" xfId="19" builtinId="30" customBuiltin="1"/>
    <cellStyle name="20% - アクセント 2" xfId="23" builtinId="34" customBuiltin="1"/>
    <cellStyle name="20% - アクセント 3" xfId="27" builtinId="38" customBuiltin="1"/>
    <cellStyle name="20% - アクセント 4" xfId="31" builtinId="42" customBuiltin="1"/>
    <cellStyle name="20% - アクセント 5" xfId="35" builtinId="46" customBuiltin="1"/>
    <cellStyle name="20% - アクセント 6" xfId="39" builtinId="50" customBuiltin="1"/>
    <cellStyle name="40% - アクセント 1" xfId="20" builtinId="31" customBuiltin="1"/>
    <cellStyle name="40% - アクセント 2" xfId="24" builtinId="35" customBuiltin="1"/>
    <cellStyle name="40% - アクセント 3" xfId="28" builtinId="39" customBuiltin="1"/>
    <cellStyle name="40% - アクセント 4" xfId="32" builtinId="43" customBuiltin="1"/>
    <cellStyle name="40% - アクセント 5" xfId="36" builtinId="47" customBuiltin="1"/>
    <cellStyle name="40% - アクセント 6" xfId="40" builtinId="51" customBuiltin="1"/>
    <cellStyle name="60% - アクセント 1" xfId="21" builtinId="32" customBuiltin="1"/>
    <cellStyle name="60% - アクセント 2" xfId="25" builtinId="36" customBuiltin="1"/>
    <cellStyle name="60% - アクセント 3" xfId="29" builtinId="40" customBuiltin="1"/>
    <cellStyle name="60% - アクセント 4" xfId="33" builtinId="44" customBuiltin="1"/>
    <cellStyle name="60% - アクセント 5" xfId="37" builtinId="48" customBuiltin="1"/>
    <cellStyle name="60% - アクセント 6" xfId="41" builtinId="52" customBuiltin="1"/>
    <cellStyle name="アクセント 1" xfId="18" builtinId="29" customBuiltin="1"/>
    <cellStyle name="アクセント 2" xfId="22" builtinId="33" customBuiltin="1"/>
    <cellStyle name="アクセント 3" xfId="26" builtinId="37" customBuiltin="1"/>
    <cellStyle name="アクセント 4" xfId="30" builtinId="41" customBuiltin="1"/>
    <cellStyle name="アクセント 5" xfId="34" builtinId="45" customBuiltin="1"/>
    <cellStyle name="アクセント 6" xfId="38" builtinId="49" customBuiltin="1"/>
    <cellStyle name="タイトル" xfId="1" builtinId="15" customBuiltin="1"/>
    <cellStyle name="チェック セル" xfId="13" builtinId="23" customBuiltin="1"/>
    <cellStyle name="どちらでもない" xfId="8" builtinId="28" customBuiltin="1"/>
    <cellStyle name="メモ" xfId="15" builtinId="10" customBuiltin="1"/>
    <cellStyle name="リンク セル" xfId="12" builtinId="24" customBuiltin="1"/>
    <cellStyle name="悪い" xfId="7" builtinId="27" customBuiltin="1"/>
    <cellStyle name="計算" xfId="11" builtinId="22" customBuiltin="1"/>
    <cellStyle name="警告文" xfId="14" builtinId="11" customBuiltin="1"/>
    <cellStyle name="見出し 1" xfId="2" builtinId="16" customBuiltin="1"/>
    <cellStyle name="見出し 2" xfId="3" builtinId="17" customBuiltin="1"/>
    <cellStyle name="見出し 3" xfId="4" builtinId="18" customBuiltin="1"/>
    <cellStyle name="見出し 4" xfId="5" builtinId="19" customBuiltin="1"/>
    <cellStyle name="集計" xfId="17" builtinId="25" customBuiltin="1"/>
    <cellStyle name="出力" xfId="10" builtinId="21" customBuiltin="1"/>
    <cellStyle name="説明文" xfId="16" builtinId="53" customBuiltin="1"/>
    <cellStyle name="入力" xfId="9" builtinId="20" customBuiltin="1"/>
    <cellStyle name="標準" xfId="0" builtinId="0"/>
    <cellStyle name="良い" xfId="6"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51"/>
  <sheetViews>
    <sheetView showGridLines="0" tabSelected="1" view="pageBreakPreview" zoomScaleNormal="100" zoomScaleSheetLayoutView="100" workbookViewId="0">
      <selection activeCell="F19" sqref="F19:F20"/>
    </sheetView>
  </sheetViews>
  <sheetFormatPr defaultRowHeight="14.25" x14ac:dyDescent="0.15"/>
  <cols>
    <col min="1" max="1" width="6.75" style="14" customWidth="1"/>
    <col min="2" max="2" width="26.5" style="14" customWidth="1"/>
    <col min="3" max="3" width="6.75" style="14" customWidth="1"/>
    <col min="4" max="4" width="6.25" style="14" customWidth="1"/>
    <col min="5" max="5" width="26.5" style="14" customWidth="1"/>
    <col min="6" max="6" width="5.375" style="14" customWidth="1"/>
    <col min="7" max="16384" width="9" style="14"/>
  </cols>
  <sheetData>
    <row r="1" spans="1:6" ht="16.5" customHeight="1" x14ac:dyDescent="0.15">
      <c r="A1" s="29" t="s">
        <v>0</v>
      </c>
      <c r="B1" s="30"/>
      <c r="C1" s="30"/>
      <c r="D1" s="30"/>
      <c r="E1" s="30"/>
      <c r="F1" s="30"/>
    </row>
    <row r="2" spans="1:6" ht="20.100000000000001" customHeight="1" x14ac:dyDescent="0.15">
      <c r="A2" s="31" t="s">
        <v>17</v>
      </c>
      <c r="B2" s="27"/>
      <c r="C2" s="27"/>
      <c r="D2" s="27"/>
      <c r="E2" s="27"/>
      <c r="F2" s="27"/>
    </row>
    <row r="3" spans="1:6" ht="6.95" customHeight="1" x14ac:dyDescent="0.15">
      <c r="A3" s="1"/>
    </row>
    <row r="4" spans="1:6" ht="18" customHeight="1" x14ac:dyDescent="0.2">
      <c r="A4" s="8"/>
      <c r="B4" s="10"/>
      <c r="C4" s="32" t="s">
        <v>12</v>
      </c>
      <c r="D4" s="32"/>
      <c r="E4" s="32"/>
      <c r="F4" s="32"/>
    </row>
    <row r="5" spans="1:6" ht="18" customHeight="1" x14ac:dyDescent="0.2">
      <c r="A5" s="11"/>
      <c r="B5" s="9"/>
      <c r="C5" s="32" t="s">
        <v>13</v>
      </c>
      <c r="D5" s="32"/>
      <c r="E5" s="32"/>
      <c r="F5" s="32"/>
    </row>
    <row r="6" spans="1:6" ht="18" customHeight="1" x14ac:dyDescent="0.2">
      <c r="A6" s="11"/>
      <c r="B6" s="9"/>
      <c r="C6" s="32" t="s">
        <v>14</v>
      </c>
      <c r="D6" s="32"/>
      <c r="E6" s="32"/>
      <c r="F6" s="32"/>
    </row>
    <row r="7" spans="1:6" ht="14.45" customHeight="1" x14ac:dyDescent="0.15">
      <c r="A7" s="33" t="s">
        <v>1</v>
      </c>
      <c r="B7" s="27"/>
      <c r="C7" s="27"/>
      <c r="D7" s="27"/>
      <c r="E7" s="27"/>
      <c r="F7" s="27"/>
    </row>
    <row r="8" spans="1:6" ht="14.45" customHeight="1" x14ac:dyDescent="0.15">
      <c r="A8" s="26" t="s">
        <v>15</v>
      </c>
      <c r="B8" s="27"/>
      <c r="C8" s="27"/>
      <c r="D8" s="27"/>
      <c r="E8" s="27"/>
      <c r="F8" s="27"/>
    </row>
    <row r="9" spans="1:6" ht="9.9499999999999993" customHeight="1" x14ac:dyDescent="0.15">
      <c r="A9" s="22" t="s">
        <v>2</v>
      </c>
      <c r="B9" s="18" t="s">
        <v>22</v>
      </c>
      <c r="C9" s="38" t="s">
        <v>4</v>
      </c>
      <c r="D9" s="40" t="s">
        <v>2</v>
      </c>
      <c r="E9" s="18" t="s">
        <v>22</v>
      </c>
      <c r="F9" s="22" t="s">
        <v>4</v>
      </c>
    </row>
    <row r="10" spans="1:6" ht="23.1" customHeight="1" x14ac:dyDescent="0.15">
      <c r="A10" s="23"/>
      <c r="B10" s="19" t="s">
        <v>3</v>
      </c>
      <c r="C10" s="39"/>
      <c r="D10" s="35"/>
      <c r="E10" s="19" t="s">
        <v>3</v>
      </c>
      <c r="F10" s="23"/>
    </row>
    <row r="11" spans="1:6" ht="9.9499999999999993" customHeight="1" x14ac:dyDescent="0.15">
      <c r="A11" s="24">
        <v>1</v>
      </c>
      <c r="B11" s="17"/>
      <c r="C11" s="38"/>
      <c r="D11" s="36">
        <v>16</v>
      </c>
      <c r="E11" s="17"/>
      <c r="F11" s="22"/>
    </row>
    <row r="12" spans="1:6" s="4" customFormat="1" ht="23.1" customHeight="1" x14ac:dyDescent="0.15">
      <c r="A12" s="25"/>
      <c r="B12" s="16"/>
      <c r="C12" s="39"/>
      <c r="D12" s="37"/>
      <c r="E12" s="16"/>
      <c r="F12" s="23"/>
    </row>
    <row r="13" spans="1:6" ht="9.9499999999999993" customHeight="1" x14ac:dyDescent="0.15">
      <c r="A13" s="24">
        <v>2</v>
      </c>
      <c r="B13" s="17"/>
      <c r="C13" s="38"/>
      <c r="D13" s="36">
        <v>17</v>
      </c>
      <c r="E13" s="17"/>
      <c r="F13" s="22"/>
    </row>
    <row r="14" spans="1:6" s="4" customFormat="1" ht="23.1" customHeight="1" x14ac:dyDescent="0.15">
      <c r="A14" s="25"/>
      <c r="B14" s="16"/>
      <c r="C14" s="39"/>
      <c r="D14" s="37"/>
      <c r="E14" s="16"/>
      <c r="F14" s="23"/>
    </row>
    <row r="15" spans="1:6" ht="9.9499999999999993" customHeight="1" x14ac:dyDescent="0.15">
      <c r="A15" s="24">
        <v>3</v>
      </c>
      <c r="B15" s="17"/>
      <c r="C15" s="38"/>
      <c r="D15" s="36">
        <v>18</v>
      </c>
      <c r="E15" s="17"/>
      <c r="F15" s="22"/>
    </row>
    <row r="16" spans="1:6" s="4" customFormat="1" ht="23.1" customHeight="1" x14ac:dyDescent="0.15">
      <c r="A16" s="25"/>
      <c r="B16" s="16"/>
      <c r="C16" s="39"/>
      <c r="D16" s="37"/>
      <c r="E16" s="16"/>
      <c r="F16" s="23"/>
    </row>
    <row r="17" spans="1:6" ht="9.9499999999999993" customHeight="1" x14ac:dyDescent="0.15">
      <c r="A17" s="24">
        <v>4</v>
      </c>
      <c r="B17" s="17"/>
      <c r="C17" s="38"/>
      <c r="D17" s="36">
        <v>19</v>
      </c>
      <c r="E17" s="17"/>
      <c r="F17" s="22"/>
    </row>
    <row r="18" spans="1:6" s="4" customFormat="1" ht="23.1" customHeight="1" x14ac:dyDescent="0.15">
      <c r="A18" s="25"/>
      <c r="B18" s="16"/>
      <c r="C18" s="39"/>
      <c r="D18" s="37"/>
      <c r="E18" s="16"/>
      <c r="F18" s="23"/>
    </row>
    <row r="19" spans="1:6" ht="9.9499999999999993" customHeight="1" x14ac:dyDescent="0.15">
      <c r="A19" s="24">
        <v>5</v>
      </c>
      <c r="B19" s="17"/>
      <c r="C19" s="38"/>
      <c r="D19" s="36">
        <v>20</v>
      </c>
      <c r="E19" s="17"/>
      <c r="F19" s="22"/>
    </row>
    <row r="20" spans="1:6" s="4" customFormat="1" ht="23.1" customHeight="1" x14ac:dyDescent="0.15">
      <c r="A20" s="25"/>
      <c r="B20" s="16"/>
      <c r="C20" s="39"/>
      <c r="D20" s="37"/>
      <c r="E20" s="16"/>
      <c r="F20" s="23"/>
    </row>
    <row r="21" spans="1:6" ht="9.9499999999999993" customHeight="1" x14ac:dyDescent="0.15">
      <c r="A21" s="24">
        <v>6</v>
      </c>
      <c r="B21" s="17"/>
      <c r="C21" s="38"/>
      <c r="D21" s="36">
        <v>21</v>
      </c>
      <c r="E21" s="17"/>
      <c r="F21" s="22"/>
    </row>
    <row r="22" spans="1:6" s="4" customFormat="1" ht="23.1" customHeight="1" x14ac:dyDescent="0.15">
      <c r="A22" s="25"/>
      <c r="B22" s="16"/>
      <c r="C22" s="39"/>
      <c r="D22" s="37"/>
      <c r="E22" s="16"/>
      <c r="F22" s="23"/>
    </row>
    <row r="23" spans="1:6" ht="9.9499999999999993" customHeight="1" x14ac:dyDescent="0.15">
      <c r="A23" s="24">
        <v>7</v>
      </c>
      <c r="B23" s="17"/>
      <c r="C23" s="38"/>
      <c r="D23" s="36">
        <v>22</v>
      </c>
      <c r="E23" s="17"/>
      <c r="F23" s="22"/>
    </row>
    <row r="24" spans="1:6" s="4" customFormat="1" ht="23.1" customHeight="1" x14ac:dyDescent="0.15">
      <c r="A24" s="25"/>
      <c r="B24" s="16"/>
      <c r="C24" s="39"/>
      <c r="D24" s="37"/>
      <c r="E24" s="16"/>
      <c r="F24" s="23"/>
    </row>
    <row r="25" spans="1:6" ht="9.9499999999999993" customHeight="1" x14ac:dyDescent="0.15">
      <c r="A25" s="24">
        <v>8</v>
      </c>
      <c r="B25" s="17"/>
      <c r="C25" s="38"/>
      <c r="D25" s="36">
        <v>23</v>
      </c>
      <c r="E25" s="17"/>
      <c r="F25" s="22"/>
    </row>
    <row r="26" spans="1:6" s="4" customFormat="1" ht="23.1" customHeight="1" x14ac:dyDescent="0.15">
      <c r="A26" s="25"/>
      <c r="B26" s="16"/>
      <c r="C26" s="39"/>
      <c r="D26" s="37"/>
      <c r="E26" s="16"/>
      <c r="F26" s="23"/>
    </row>
    <row r="27" spans="1:6" ht="9.9499999999999993" customHeight="1" x14ac:dyDescent="0.15">
      <c r="A27" s="24">
        <v>9</v>
      </c>
      <c r="B27" s="17"/>
      <c r="C27" s="38"/>
      <c r="D27" s="36">
        <v>24</v>
      </c>
      <c r="E27" s="17"/>
      <c r="F27" s="22"/>
    </row>
    <row r="28" spans="1:6" s="4" customFormat="1" ht="23.1" customHeight="1" x14ac:dyDescent="0.15">
      <c r="A28" s="25"/>
      <c r="B28" s="16"/>
      <c r="C28" s="39"/>
      <c r="D28" s="37"/>
      <c r="E28" s="16"/>
      <c r="F28" s="23"/>
    </row>
    <row r="29" spans="1:6" ht="9.9499999999999993" customHeight="1" x14ac:dyDescent="0.15">
      <c r="A29" s="24">
        <v>10</v>
      </c>
      <c r="B29" s="17"/>
      <c r="C29" s="38"/>
      <c r="D29" s="36">
        <v>25</v>
      </c>
      <c r="E29" s="17"/>
      <c r="F29" s="22"/>
    </row>
    <row r="30" spans="1:6" s="4" customFormat="1" ht="23.1" customHeight="1" x14ac:dyDescent="0.15">
      <c r="A30" s="25"/>
      <c r="B30" s="16"/>
      <c r="C30" s="39"/>
      <c r="D30" s="37"/>
      <c r="E30" s="16"/>
      <c r="F30" s="23"/>
    </row>
    <row r="31" spans="1:6" ht="9.9499999999999993" customHeight="1" x14ac:dyDescent="0.15">
      <c r="A31" s="24">
        <v>11</v>
      </c>
      <c r="B31" s="17"/>
      <c r="C31" s="38"/>
      <c r="D31" s="36">
        <v>26</v>
      </c>
      <c r="E31" s="17"/>
      <c r="F31" s="22"/>
    </row>
    <row r="32" spans="1:6" s="4" customFormat="1" ht="23.1" customHeight="1" x14ac:dyDescent="0.15">
      <c r="A32" s="25"/>
      <c r="B32" s="16"/>
      <c r="C32" s="39"/>
      <c r="D32" s="37"/>
      <c r="E32" s="16"/>
      <c r="F32" s="23"/>
    </row>
    <row r="33" spans="1:6" ht="9.9499999999999993" customHeight="1" x14ac:dyDescent="0.15">
      <c r="A33" s="24">
        <v>12</v>
      </c>
      <c r="B33" s="17"/>
      <c r="C33" s="38"/>
      <c r="D33" s="36">
        <v>27</v>
      </c>
      <c r="E33" s="17"/>
      <c r="F33" s="22"/>
    </row>
    <row r="34" spans="1:6" s="4" customFormat="1" ht="23.1" customHeight="1" x14ac:dyDescent="0.15">
      <c r="A34" s="25"/>
      <c r="B34" s="16"/>
      <c r="C34" s="39"/>
      <c r="D34" s="37"/>
      <c r="E34" s="16"/>
      <c r="F34" s="23"/>
    </row>
    <row r="35" spans="1:6" ht="9.9499999999999993" customHeight="1" x14ac:dyDescent="0.15">
      <c r="A35" s="24">
        <v>13</v>
      </c>
      <c r="B35" s="17"/>
      <c r="C35" s="38"/>
      <c r="D35" s="36">
        <v>28</v>
      </c>
      <c r="E35" s="17"/>
      <c r="F35" s="22"/>
    </row>
    <row r="36" spans="1:6" s="4" customFormat="1" ht="23.1" customHeight="1" x14ac:dyDescent="0.15">
      <c r="A36" s="25"/>
      <c r="B36" s="16"/>
      <c r="C36" s="39"/>
      <c r="D36" s="37"/>
      <c r="E36" s="16"/>
      <c r="F36" s="23"/>
    </row>
    <row r="37" spans="1:6" ht="9.9499999999999993" customHeight="1" x14ac:dyDescent="0.15">
      <c r="A37" s="24">
        <v>14</v>
      </c>
      <c r="B37" s="17"/>
      <c r="C37" s="38"/>
      <c r="D37" s="36">
        <v>29</v>
      </c>
      <c r="E37" s="17"/>
      <c r="F37" s="22"/>
    </row>
    <row r="38" spans="1:6" s="4" customFormat="1" ht="23.1" customHeight="1" x14ac:dyDescent="0.15">
      <c r="A38" s="25"/>
      <c r="B38" s="16"/>
      <c r="C38" s="39"/>
      <c r="D38" s="37"/>
      <c r="E38" s="16"/>
      <c r="F38" s="23"/>
    </row>
    <row r="39" spans="1:6" ht="9.9499999999999993" customHeight="1" x14ac:dyDescent="0.15">
      <c r="A39" s="24">
        <v>15</v>
      </c>
      <c r="B39" s="17"/>
      <c r="C39" s="38"/>
      <c r="D39" s="36">
        <v>30</v>
      </c>
      <c r="E39" s="17"/>
      <c r="F39" s="22"/>
    </row>
    <row r="40" spans="1:6" s="4" customFormat="1" ht="23.1" customHeight="1" x14ac:dyDescent="0.15">
      <c r="A40" s="25"/>
      <c r="B40" s="16"/>
      <c r="C40" s="39"/>
      <c r="D40" s="37"/>
      <c r="E40" s="16"/>
      <c r="F40" s="23"/>
    </row>
    <row r="41" spans="1:6" ht="14.1" customHeight="1" x14ac:dyDescent="0.15">
      <c r="A41" s="28" t="s">
        <v>10</v>
      </c>
      <c r="B41" s="27"/>
      <c r="C41" s="27"/>
      <c r="D41" s="27"/>
      <c r="E41" s="27"/>
      <c r="F41" s="27"/>
    </row>
    <row r="42" spans="1:6" ht="14.1" customHeight="1" x14ac:dyDescent="0.15">
      <c r="A42" s="28" t="s">
        <v>11</v>
      </c>
      <c r="B42" s="27"/>
      <c r="C42" s="27"/>
      <c r="D42" s="27"/>
      <c r="E42" s="27"/>
      <c r="F42" s="27"/>
    </row>
    <row r="43" spans="1:6" ht="14.1" customHeight="1" x14ac:dyDescent="0.15">
      <c r="A43" s="28" t="s">
        <v>5</v>
      </c>
      <c r="B43" s="27"/>
      <c r="C43" s="27"/>
      <c r="D43" s="27"/>
      <c r="E43" s="27"/>
      <c r="F43" s="27"/>
    </row>
    <row r="44" spans="1:6" ht="14.1" customHeight="1" x14ac:dyDescent="0.15">
      <c r="A44" s="28" t="s">
        <v>6</v>
      </c>
      <c r="B44" s="28"/>
      <c r="C44" s="28"/>
      <c r="D44" s="28"/>
      <c r="E44" s="28"/>
      <c r="F44" s="28"/>
    </row>
    <row r="45" spans="1:6" ht="6.95" customHeight="1" x14ac:dyDescent="0.15">
      <c r="A45" s="12"/>
      <c r="B45" s="12"/>
      <c r="C45" s="12"/>
      <c r="D45" s="12"/>
      <c r="E45" s="12"/>
      <c r="F45" s="12"/>
    </row>
    <row r="46" spans="1:6" ht="27" customHeight="1" x14ac:dyDescent="0.15">
      <c r="A46" s="28" t="s">
        <v>7</v>
      </c>
      <c r="B46" s="27"/>
      <c r="C46" s="27"/>
      <c r="D46" s="27"/>
      <c r="E46" s="27"/>
      <c r="F46" s="27"/>
    </row>
    <row r="47" spans="1:6" ht="6.95" customHeight="1" x14ac:dyDescent="0.15">
      <c r="A47" s="1"/>
    </row>
    <row r="48" spans="1:6" s="4" customFormat="1" ht="20.100000000000001" customHeight="1" thickBot="1" x14ac:dyDescent="0.2">
      <c r="A48" s="5" t="s">
        <v>19</v>
      </c>
      <c r="B48" s="13"/>
      <c r="C48" s="20" t="s">
        <v>18</v>
      </c>
      <c r="D48" s="6" t="s">
        <v>21</v>
      </c>
      <c r="E48" s="13"/>
      <c r="F48" s="20" t="s">
        <v>18</v>
      </c>
    </row>
    <row r="49" spans="1:6" s="4" customFormat="1" ht="20.100000000000001" customHeight="1" thickBot="1" x14ac:dyDescent="0.2">
      <c r="A49" s="5" t="s">
        <v>20</v>
      </c>
      <c r="B49" s="13"/>
      <c r="C49" s="20" t="s">
        <v>18</v>
      </c>
      <c r="D49" s="7" t="s">
        <v>8</v>
      </c>
      <c r="E49" s="15"/>
      <c r="F49" s="21" t="s">
        <v>18</v>
      </c>
    </row>
    <row r="50" spans="1:6" x14ac:dyDescent="0.15">
      <c r="A50" s="1"/>
    </row>
    <row r="51" spans="1:6" x14ac:dyDescent="0.15">
      <c r="A51" s="2"/>
    </row>
  </sheetData>
  <mergeCells count="76">
    <mergeCell ref="A7:F7"/>
    <mergeCell ref="A1:F1"/>
    <mergeCell ref="A2:F2"/>
    <mergeCell ref="C4:F4"/>
    <mergeCell ref="C5:F5"/>
    <mergeCell ref="C6:F6"/>
    <mergeCell ref="A43:F43"/>
    <mergeCell ref="A44:F44"/>
    <mergeCell ref="A46:F46"/>
    <mergeCell ref="A15:A16"/>
    <mergeCell ref="A17:A18"/>
    <mergeCell ref="A19:A20"/>
    <mergeCell ref="A21:A22"/>
    <mergeCell ref="D33:D34"/>
    <mergeCell ref="D35:D36"/>
    <mergeCell ref="A8:F8"/>
    <mergeCell ref="A41:F41"/>
    <mergeCell ref="A42:F42"/>
    <mergeCell ref="C21:C22"/>
    <mergeCell ref="C23:C24"/>
    <mergeCell ref="C25:C26"/>
    <mergeCell ref="A11:A12"/>
    <mergeCell ref="C11:C12"/>
    <mergeCell ref="A13:A14"/>
    <mergeCell ref="A23:A24"/>
    <mergeCell ref="A25:A26"/>
    <mergeCell ref="A27:A28"/>
    <mergeCell ref="A29:A30"/>
    <mergeCell ref="A9:A10"/>
    <mergeCell ref="C19:C20"/>
    <mergeCell ref="D13:D14"/>
    <mergeCell ref="D15:D16"/>
    <mergeCell ref="D17:D18"/>
    <mergeCell ref="D19:D20"/>
    <mergeCell ref="D9:D10"/>
    <mergeCell ref="F9:F10"/>
    <mergeCell ref="C13:C14"/>
    <mergeCell ref="C15:C16"/>
    <mergeCell ref="C17:C18"/>
    <mergeCell ref="C9:C10"/>
    <mergeCell ref="D11:D12"/>
    <mergeCell ref="F11:F12"/>
    <mergeCell ref="C27:C28"/>
    <mergeCell ref="C29:C30"/>
    <mergeCell ref="C31:C32"/>
    <mergeCell ref="C33:C34"/>
    <mergeCell ref="C35:C36"/>
    <mergeCell ref="C39:C40"/>
    <mergeCell ref="A31:A32"/>
    <mergeCell ref="A33:A34"/>
    <mergeCell ref="A35:A36"/>
    <mergeCell ref="A37:A38"/>
    <mergeCell ref="A39:A40"/>
    <mergeCell ref="C37:C38"/>
    <mergeCell ref="D37:D38"/>
    <mergeCell ref="D39:D40"/>
    <mergeCell ref="F13:F14"/>
    <mergeCell ref="F15:F16"/>
    <mergeCell ref="F17:F18"/>
    <mergeCell ref="F19:F20"/>
    <mergeCell ref="F21:F22"/>
    <mergeCell ref="F23:F24"/>
    <mergeCell ref="F25:F26"/>
    <mergeCell ref="F27:F28"/>
    <mergeCell ref="D21:D22"/>
    <mergeCell ref="D23:D24"/>
    <mergeCell ref="D25:D26"/>
    <mergeCell ref="D27:D28"/>
    <mergeCell ref="D29:D30"/>
    <mergeCell ref="D31:D32"/>
    <mergeCell ref="F39:F40"/>
    <mergeCell ref="F29:F30"/>
    <mergeCell ref="F31:F32"/>
    <mergeCell ref="F33:F34"/>
    <mergeCell ref="F35:F36"/>
    <mergeCell ref="F37:F38"/>
  </mergeCells>
  <phoneticPr fontId="28"/>
  <printOptions horizontalCentered="1"/>
  <pageMargins left="0.23622047244094491" right="0.23622047244094491" top="0.74803149606299213" bottom="0.74803149606299213"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51"/>
  <sheetViews>
    <sheetView showGridLines="0" view="pageBreakPreview" zoomScaleNormal="100" zoomScaleSheetLayoutView="100" workbookViewId="0">
      <selection activeCell="B13" sqref="B13"/>
    </sheetView>
  </sheetViews>
  <sheetFormatPr defaultRowHeight="14.25" x14ac:dyDescent="0.15"/>
  <cols>
    <col min="1" max="1" width="6.75" style="14" customWidth="1"/>
    <col min="2" max="2" width="26.5" style="14" customWidth="1"/>
    <col min="3" max="3" width="6.75" style="14" customWidth="1"/>
    <col min="4" max="4" width="6.25" style="14" customWidth="1"/>
    <col min="5" max="5" width="26.5" style="14" customWidth="1"/>
    <col min="6" max="6" width="5.375" style="14" customWidth="1"/>
    <col min="7" max="16384" width="9" style="14"/>
  </cols>
  <sheetData>
    <row r="1" spans="1:6" ht="16.5" customHeight="1" x14ac:dyDescent="0.15">
      <c r="A1" s="29" t="s">
        <v>23</v>
      </c>
      <c r="B1" s="30"/>
      <c r="C1" s="30"/>
      <c r="D1" s="30"/>
      <c r="E1" s="30"/>
      <c r="F1" s="30"/>
    </row>
    <row r="2" spans="1:6" ht="20.100000000000001" customHeight="1" x14ac:dyDescent="0.15">
      <c r="A2" s="31" t="s">
        <v>17</v>
      </c>
      <c r="B2" s="27"/>
      <c r="C2" s="27"/>
      <c r="D2" s="27"/>
      <c r="E2" s="27"/>
      <c r="F2" s="27"/>
    </row>
    <row r="3" spans="1:6" ht="6.95" customHeight="1" x14ac:dyDescent="0.15">
      <c r="A3" s="1"/>
    </row>
    <row r="4" spans="1:6" ht="18" customHeight="1" x14ac:dyDescent="0.2">
      <c r="A4" s="8"/>
      <c r="B4" s="10"/>
      <c r="C4" s="32" t="s">
        <v>12</v>
      </c>
      <c r="D4" s="32"/>
      <c r="E4" s="32"/>
      <c r="F4" s="32"/>
    </row>
    <row r="5" spans="1:6" ht="18" customHeight="1" x14ac:dyDescent="0.2">
      <c r="A5" s="11"/>
      <c r="B5" s="9"/>
      <c r="C5" s="32" t="s">
        <v>13</v>
      </c>
      <c r="D5" s="32"/>
      <c r="E5" s="32"/>
      <c r="F5" s="32"/>
    </row>
    <row r="6" spans="1:6" ht="18" customHeight="1" x14ac:dyDescent="0.2">
      <c r="A6" s="11"/>
      <c r="B6" s="9"/>
      <c r="C6" s="32" t="s">
        <v>14</v>
      </c>
      <c r="D6" s="32"/>
      <c r="E6" s="32"/>
      <c r="F6" s="32"/>
    </row>
    <row r="7" spans="1:6" ht="14.45" customHeight="1" x14ac:dyDescent="0.15">
      <c r="A7" s="33" t="s">
        <v>1</v>
      </c>
      <c r="B7" s="27"/>
      <c r="C7" s="27"/>
      <c r="D7" s="27"/>
      <c r="E7" s="27"/>
      <c r="F7" s="27"/>
    </row>
    <row r="8" spans="1:6" ht="14.45" customHeight="1" x14ac:dyDescent="0.15">
      <c r="A8" s="26" t="s">
        <v>16</v>
      </c>
      <c r="B8" s="27"/>
      <c r="C8" s="27"/>
      <c r="D8" s="27"/>
      <c r="E8" s="27"/>
      <c r="F8" s="27"/>
    </row>
    <row r="9" spans="1:6" ht="9.9499999999999993" customHeight="1" x14ac:dyDescent="0.15">
      <c r="A9" s="22" t="s">
        <v>2</v>
      </c>
      <c r="B9" s="18" t="s">
        <v>22</v>
      </c>
      <c r="C9" s="38" t="s">
        <v>4</v>
      </c>
      <c r="D9" s="40" t="s">
        <v>2</v>
      </c>
      <c r="E9" s="18" t="s">
        <v>22</v>
      </c>
      <c r="F9" s="22" t="s">
        <v>4</v>
      </c>
    </row>
    <row r="10" spans="1:6" ht="23.1" customHeight="1" x14ac:dyDescent="0.15">
      <c r="A10" s="23"/>
      <c r="B10" s="19" t="s">
        <v>3</v>
      </c>
      <c r="C10" s="39"/>
      <c r="D10" s="35"/>
      <c r="E10" s="19" t="s">
        <v>3</v>
      </c>
      <c r="F10" s="23"/>
    </row>
    <row r="11" spans="1:6" ht="9.9499999999999993" customHeight="1" x14ac:dyDescent="0.15">
      <c r="A11" s="24">
        <v>1</v>
      </c>
      <c r="B11" s="17"/>
      <c r="C11" s="38"/>
      <c r="D11" s="36">
        <v>16</v>
      </c>
      <c r="E11" s="17"/>
      <c r="F11" s="22"/>
    </row>
    <row r="12" spans="1:6" s="4" customFormat="1" ht="23.1" customHeight="1" x14ac:dyDescent="0.15">
      <c r="A12" s="25"/>
      <c r="B12" s="16"/>
      <c r="C12" s="39"/>
      <c r="D12" s="37"/>
      <c r="E12" s="16"/>
      <c r="F12" s="23"/>
    </row>
    <row r="13" spans="1:6" ht="9.9499999999999993" customHeight="1" x14ac:dyDescent="0.15">
      <c r="A13" s="24">
        <v>2</v>
      </c>
      <c r="B13" s="17"/>
      <c r="C13" s="38"/>
      <c r="D13" s="36">
        <v>17</v>
      </c>
      <c r="E13" s="17"/>
      <c r="F13" s="22"/>
    </row>
    <row r="14" spans="1:6" s="4" customFormat="1" ht="23.1" customHeight="1" x14ac:dyDescent="0.15">
      <c r="A14" s="25"/>
      <c r="B14" s="16"/>
      <c r="C14" s="39"/>
      <c r="D14" s="37"/>
      <c r="E14" s="16"/>
      <c r="F14" s="23"/>
    </row>
    <row r="15" spans="1:6" ht="9.9499999999999993" customHeight="1" x14ac:dyDescent="0.15">
      <c r="A15" s="24">
        <v>3</v>
      </c>
      <c r="B15" s="17"/>
      <c r="C15" s="38"/>
      <c r="D15" s="36">
        <v>18</v>
      </c>
      <c r="E15" s="17"/>
      <c r="F15" s="22"/>
    </row>
    <row r="16" spans="1:6" s="4" customFormat="1" ht="23.1" customHeight="1" x14ac:dyDescent="0.15">
      <c r="A16" s="25"/>
      <c r="B16" s="16"/>
      <c r="C16" s="39"/>
      <c r="D16" s="37"/>
      <c r="E16" s="16"/>
      <c r="F16" s="23"/>
    </row>
    <row r="17" spans="1:6" ht="9.9499999999999993" customHeight="1" x14ac:dyDescent="0.15">
      <c r="A17" s="24">
        <v>4</v>
      </c>
      <c r="B17" s="17"/>
      <c r="C17" s="38"/>
      <c r="D17" s="36">
        <v>19</v>
      </c>
      <c r="E17" s="17"/>
      <c r="F17" s="22"/>
    </row>
    <row r="18" spans="1:6" s="4" customFormat="1" ht="23.1" customHeight="1" x14ac:dyDescent="0.15">
      <c r="A18" s="25"/>
      <c r="B18" s="16"/>
      <c r="C18" s="39"/>
      <c r="D18" s="37"/>
      <c r="E18" s="16"/>
      <c r="F18" s="23"/>
    </row>
    <row r="19" spans="1:6" ht="9.9499999999999993" customHeight="1" x14ac:dyDescent="0.15">
      <c r="A19" s="24">
        <v>5</v>
      </c>
      <c r="B19" s="17"/>
      <c r="C19" s="38"/>
      <c r="D19" s="36">
        <v>20</v>
      </c>
      <c r="E19" s="17"/>
      <c r="F19" s="22"/>
    </row>
    <row r="20" spans="1:6" s="4" customFormat="1" ht="23.1" customHeight="1" x14ac:dyDescent="0.15">
      <c r="A20" s="25"/>
      <c r="B20" s="16"/>
      <c r="C20" s="39"/>
      <c r="D20" s="37"/>
      <c r="E20" s="16"/>
      <c r="F20" s="23"/>
    </row>
    <row r="21" spans="1:6" ht="9.9499999999999993" customHeight="1" x14ac:dyDescent="0.15">
      <c r="A21" s="24">
        <v>6</v>
      </c>
      <c r="B21" s="17"/>
      <c r="C21" s="38"/>
      <c r="D21" s="36">
        <v>21</v>
      </c>
      <c r="E21" s="17"/>
      <c r="F21" s="22"/>
    </row>
    <row r="22" spans="1:6" s="4" customFormat="1" ht="23.1" customHeight="1" x14ac:dyDescent="0.15">
      <c r="A22" s="25"/>
      <c r="B22" s="16"/>
      <c r="C22" s="39"/>
      <c r="D22" s="37"/>
      <c r="E22" s="16"/>
      <c r="F22" s="23"/>
    </row>
    <row r="23" spans="1:6" ht="9.9499999999999993" customHeight="1" x14ac:dyDescent="0.15">
      <c r="A23" s="24">
        <v>7</v>
      </c>
      <c r="B23" s="17"/>
      <c r="C23" s="38"/>
      <c r="D23" s="36">
        <v>22</v>
      </c>
      <c r="E23" s="17"/>
      <c r="F23" s="22"/>
    </row>
    <row r="24" spans="1:6" s="4" customFormat="1" ht="23.1" customHeight="1" x14ac:dyDescent="0.15">
      <c r="A24" s="25"/>
      <c r="B24" s="16"/>
      <c r="C24" s="39"/>
      <c r="D24" s="37"/>
      <c r="E24" s="16"/>
      <c r="F24" s="23"/>
    </row>
    <row r="25" spans="1:6" ht="9.9499999999999993" customHeight="1" x14ac:dyDescent="0.15">
      <c r="A25" s="24">
        <v>8</v>
      </c>
      <c r="B25" s="17"/>
      <c r="C25" s="38"/>
      <c r="D25" s="36">
        <v>23</v>
      </c>
      <c r="E25" s="17"/>
      <c r="F25" s="22"/>
    </row>
    <row r="26" spans="1:6" s="4" customFormat="1" ht="23.1" customHeight="1" x14ac:dyDescent="0.15">
      <c r="A26" s="25"/>
      <c r="B26" s="16"/>
      <c r="C26" s="39"/>
      <c r="D26" s="37"/>
      <c r="E26" s="16"/>
      <c r="F26" s="23"/>
    </row>
    <row r="27" spans="1:6" ht="9.9499999999999993" customHeight="1" x14ac:dyDescent="0.15">
      <c r="A27" s="24">
        <v>9</v>
      </c>
      <c r="B27" s="17"/>
      <c r="C27" s="38"/>
      <c r="D27" s="36">
        <v>24</v>
      </c>
      <c r="E27" s="17"/>
      <c r="F27" s="22"/>
    </row>
    <row r="28" spans="1:6" s="4" customFormat="1" ht="23.1" customHeight="1" x14ac:dyDescent="0.15">
      <c r="A28" s="25"/>
      <c r="B28" s="16"/>
      <c r="C28" s="39"/>
      <c r="D28" s="37"/>
      <c r="E28" s="16"/>
      <c r="F28" s="23"/>
    </row>
    <row r="29" spans="1:6" ht="9.9499999999999993" customHeight="1" x14ac:dyDescent="0.15">
      <c r="A29" s="24">
        <v>10</v>
      </c>
      <c r="B29" s="17"/>
      <c r="C29" s="38"/>
      <c r="D29" s="36">
        <v>25</v>
      </c>
      <c r="E29" s="17"/>
      <c r="F29" s="22"/>
    </row>
    <row r="30" spans="1:6" s="4" customFormat="1" ht="23.1" customHeight="1" x14ac:dyDescent="0.15">
      <c r="A30" s="25"/>
      <c r="B30" s="16"/>
      <c r="C30" s="39"/>
      <c r="D30" s="37"/>
      <c r="E30" s="16"/>
      <c r="F30" s="23"/>
    </row>
    <row r="31" spans="1:6" ht="9.9499999999999993" customHeight="1" x14ac:dyDescent="0.15">
      <c r="A31" s="24">
        <v>11</v>
      </c>
      <c r="B31" s="17"/>
      <c r="C31" s="38"/>
      <c r="D31" s="36">
        <v>26</v>
      </c>
      <c r="E31" s="17"/>
      <c r="F31" s="22"/>
    </row>
    <row r="32" spans="1:6" s="4" customFormat="1" ht="23.1" customHeight="1" x14ac:dyDescent="0.15">
      <c r="A32" s="25"/>
      <c r="B32" s="16"/>
      <c r="C32" s="39"/>
      <c r="D32" s="37"/>
      <c r="E32" s="16"/>
      <c r="F32" s="23"/>
    </row>
    <row r="33" spans="1:6" ht="9.9499999999999993" customHeight="1" x14ac:dyDescent="0.15">
      <c r="A33" s="24">
        <v>12</v>
      </c>
      <c r="B33" s="17"/>
      <c r="C33" s="38"/>
      <c r="D33" s="36">
        <v>27</v>
      </c>
      <c r="E33" s="17"/>
      <c r="F33" s="22"/>
    </row>
    <row r="34" spans="1:6" s="4" customFormat="1" ht="23.1" customHeight="1" x14ac:dyDescent="0.15">
      <c r="A34" s="25"/>
      <c r="B34" s="16"/>
      <c r="C34" s="39"/>
      <c r="D34" s="37"/>
      <c r="E34" s="16"/>
      <c r="F34" s="23"/>
    </row>
    <row r="35" spans="1:6" ht="9.9499999999999993" customHeight="1" x14ac:dyDescent="0.15">
      <c r="A35" s="24">
        <v>13</v>
      </c>
      <c r="B35" s="17"/>
      <c r="C35" s="38"/>
      <c r="D35" s="36">
        <v>28</v>
      </c>
      <c r="E35" s="17"/>
      <c r="F35" s="22"/>
    </row>
    <row r="36" spans="1:6" s="4" customFormat="1" ht="23.1" customHeight="1" x14ac:dyDescent="0.15">
      <c r="A36" s="25"/>
      <c r="B36" s="16"/>
      <c r="C36" s="39"/>
      <c r="D36" s="37"/>
      <c r="E36" s="16"/>
      <c r="F36" s="23"/>
    </row>
    <row r="37" spans="1:6" ht="9.9499999999999993" customHeight="1" x14ac:dyDescent="0.15">
      <c r="A37" s="24">
        <v>14</v>
      </c>
      <c r="B37" s="17"/>
      <c r="C37" s="38"/>
      <c r="D37" s="36">
        <v>29</v>
      </c>
      <c r="E37" s="17"/>
      <c r="F37" s="22"/>
    </row>
    <row r="38" spans="1:6" s="4" customFormat="1" ht="23.1" customHeight="1" x14ac:dyDescent="0.15">
      <c r="A38" s="25"/>
      <c r="B38" s="16"/>
      <c r="C38" s="39"/>
      <c r="D38" s="37"/>
      <c r="E38" s="16"/>
      <c r="F38" s="23"/>
    </row>
    <row r="39" spans="1:6" ht="9.9499999999999993" customHeight="1" x14ac:dyDescent="0.15">
      <c r="A39" s="24">
        <v>15</v>
      </c>
      <c r="B39" s="17"/>
      <c r="C39" s="38"/>
      <c r="D39" s="36">
        <v>30</v>
      </c>
      <c r="E39" s="17"/>
      <c r="F39" s="22"/>
    </row>
    <row r="40" spans="1:6" s="4" customFormat="1" ht="23.1" customHeight="1" x14ac:dyDescent="0.15">
      <c r="A40" s="25"/>
      <c r="B40" s="16"/>
      <c r="C40" s="39"/>
      <c r="D40" s="37"/>
      <c r="E40" s="16"/>
      <c r="F40" s="23"/>
    </row>
    <row r="41" spans="1:6" ht="14.1" customHeight="1" x14ac:dyDescent="0.15">
      <c r="A41" s="41" t="s">
        <v>10</v>
      </c>
      <c r="B41" s="41"/>
      <c r="C41" s="41"/>
      <c r="D41" s="41"/>
      <c r="E41" s="41"/>
      <c r="F41" s="41"/>
    </row>
    <row r="42" spans="1:6" ht="14.1" customHeight="1" x14ac:dyDescent="0.15">
      <c r="A42" s="28" t="s">
        <v>11</v>
      </c>
      <c r="B42" s="27"/>
      <c r="C42" s="27"/>
      <c r="D42" s="27"/>
      <c r="E42" s="27"/>
      <c r="F42" s="27"/>
    </row>
    <row r="43" spans="1:6" ht="14.1" customHeight="1" x14ac:dyDescent="0.15">
      <c r="A43" s="28" t="s">
        <v>5</v>
      </c>
      <c r="B43" s="27"/>
      <c r="C43" s="27"/>
      <c r="D43" s="27"/>
      <c r="E43" s="27"/>
      <c r="F43" s="27"/>
    </row>
    <row r="44" spans="1:6" ht="14.1" customHeight="1" x14ac:dyDescent="0.15">
      <c r="A44" s="28" t="s">
        <v>6</v>
      </c>
      <c r="B44" s="28"/>
      <c r="C44" s="28"/>
      <c r="D44" s="28"/>
      <c r="E44" s="28"/>
      <c r="F44" s="28"/>
    </row>
    <row r="45" spans="1:6" ht="6.95" customHeight="1" x14ac:dyDescent="0.15">
      <c r="A45" s="12"/>
      <c r="B45" s="12"/>
      <c r="C45" s="12"/>
      <c r="D45" s="12"/>
      <c r="E45" s="12"/>
      <c r="F45" s="12"/>
    </row>
    <row r="46" spans="1:6" ht="27" customHeight="1" x14ac:dyDescent="0.15">
      <c r="A46" s="28" t="s">
        <v>7</v>
      </c>
      <c r="B46" s="27"/>
      <c r="C46" s="27"/>
      <c r="D46" s="27"/>
      <c r="E46" s="27"/>
      <c r="F46" s="27"/>
    </row>
    <row r="47" spans="1:6" ht="6.95" customHeight="1" x14ac:dyDescent="0.15">
      <c r="A47" s="1"/>
    </row>
    <row r="48" spans="1:6" s="4" customFormat="1" ht="20.100000000000001" customHeight="1" thickBot="1" x14ac:dyDescent="0.2">
      <c r="A48" s="5" t="s">
        <v>19</v>
      </c>
      <c r="B48" s="13"/>
      <c r="C48" s="20" t="s">
        <v>18</v>
      </c>
      <c r="D48" s="6" t="s">
        <v>21</v>
      </c>
      <c r="E48" s="13"/>
      <c r="F48" s="20" t="s">
        <v>18</v>
      </c>
    </row>
    <row r="49" spans="1:6" s="4" customFormat="1" ht="20.100000000000001" customHeight="1" thickBot="1" x14ac:dyDescent="0.2">
      <c r="A49" s="5" t="s">
        <v>20</v>
      </c>
      <c r="B49" s="13"/>
      <c r="C49" s="20" t="s">
        <v>18</v>
      </c>
      <c r="D49" s="7" t="s">
        <v>8</v>
      </c>
      <c r="E49" s="15"/>
      <c r="F49" s="21" t="s">
        <v>18</v>
      </c>
    </row>
    <row r="50" spans="1:6" x14ac:dyDescent="0.15">
      <c r="A50" s="1"/>
    </row>
    <row r="51" spans="1:6" x14ac:dyDescent="0.15">
      <c r="A51" s="2"/>
    </row>
  </sheetData>
  <mergeCells count="76">
    <mergeCell ref="A11:A12"/>
    <mergeCell ref="C11:C12"/>
    <mergeCell ref="D11:D12"/>
    <mergeCell ref="F11:F12"/>
    <mergeCell ref="A1:F1"/>
    <mergeCell ref="A2:F2"/>
    <mergeCell ref="C4:F4"/>
    <mergeCell ref="C5:F5"/>
    <mergeCell ref="C6:F6"/>
    <mergeCell ref="A7:F7"/>
    <mergeCell ref="A8:F8"/>
    <mergeCell ref="A9:A10"/>
    <mergeCell ref="C9:C10"/>
    <mergeCell ref="D9:D10"/>
    <mergeCell ref="F9:F10"/>
    <mergeCell ref="A13:A14"/>
    <mergeCell ref="C13:C14"/>
    <mergeCell ref="D13:D14"/>
    <mergeCell ref="F13:F14"/>
    <mergeCell ref="A15:A16"/>
    <mergeCell ref="C15:C16"/>
    <mergeCell ref="D15:D16"/>
    <mergeCell ref="F15:F16"/>
    <mergeCell ref="A17:A18"/>
    <mergeCell ref="C17:C18"/>
    <mergeCell ref="D17:D18"/>
    <mergeCell ref="F17:F18"/>
    <mergeCell ref="A19:A20"/>
    <mergeCell ref="C19:C20"/>
    <mergeCell ref="D19:D20"/>
    <mergeCell ref="F19:F20"/>
    <mergeCell ref="A21:A22"/>
    <mergeCell ref="C21:C22"/>
    <mergeCell ref="D21:D22"/>
    <mergeCell ref="F21:F22"/>
    <mergeCell ref="A23:A24"/>
    <mergeCell ref="C23:C24"/>
    <mergeCell ref="D23:D24"/>
    <mergeCell ref="F23:F24"/>
    <mergeCell ref="A25:A26"/>
    <mergeCell ref="C25:C26"/>
    <mergeCell ref="D25:D26"/>
    <mergeCell ref="F25:F26"/>
    <mergeCell ref="A27:A28"/>
    <mergeCell ref="C27:C28"/>
    <mergeCell ref="D27:D28"/>
    <mergeCell ref="F27:F28"/>
    <mergeCell ref="A29:A30"/>
    <mergeCell ref="C29:C30"/>
    <mergeCell ref="D29:D30"/>
    <mergeCell ref="F29:F30"/>
    <mergeCell ref="A31:A32"/>
    <mergeCell ref="C31:C32"/>
    <mergeCell ref="D31:D32"/>
    <mergeCell ref="F31:F32"/>
    <mergeCell ref="A33:A34"/>
    <mergeCell ref="C33:C34"/>
    <mergeCell ref="D33:D34"/>
    <mergeCell ref="F33:F34"/>
    <mergeCell ref="A35:A36"/>
    <mergeCell ref="C35:C36"/>
    <mergeCell ref="D35:D36"/>
    <mergeCell ref="F35:F36"/>
    <mergeCell ref="A37:A38"/>
    <mergeCell ref="C37:C38"/>
    <mergeCell ref="D37:D38"/>
    <mergeCell ref="F37:F38"/>
    <mergeCell ref="A39:A40"/>
    <mergeCell ref="C39:C40"/>
    <mergeCell ref="D39:D40"/>
    <mergeCell ref="F39:F40"/>
    <mergeCell ref="A41:F41"/>
    <mergeCell ref="A42:F42"/>
    <mergeCell ref="A43:F43"/>
    <mergeCell ref="A44:F44"/>
    <mergeCell ref="A46:F46"/>
  </mergeCells>
  <phoneticPr fontId="28"/>
  <printOptions horizontalCentered="1"/>
  <pageMargins left="0.23622047244094491" right="0.23622047244094491" top="0.74803149606299213" bottom="0.74803149606299213" header="0.31496062992125984" footer="0.31496062992125984"/>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51"/>
  <sheetViews>
    <sheetView showGridLines="0" view="pageBreakPreview" zoomScaleNormal="100" zoomScaleSheetLayoutView="100" workbookViewId="0">
      <selection activeCell="B26" sqref="B26"/>
    </sheetView>
  </sheetViews>
  <sheetFormatPr defaultRowHeight="14.25" x14ac:dyDescent="0.15"/>
  <cols>
    <col min="1" max="1" width="6.75" style="14" customWidth="1"/>
    <col min="2" max="2" width="26.5" style="14" customWidth="1"/>
    <col min="3" max="3" width="6.75" style="14" customWidth="1"/>
    <col min="4" max="4" width="6.25" style="14" customWidth="1"/>
    <col min="5" max="5" width="26.5" style="14" customWidth="1"/>
    <col min="6" max="6" width="5.375" style="14" customWidth="1"/>
    <col min="7" max="16384" width="9" style="14"/>
  </cols>
  <sheetData>
    <row r="1" spans="1:6" ht="16.5" customHeight="1" x14ac:dyDescent="0.15">
      <c r="A1" s="29" t="s">
        <v>24</v>
      </c>
      <c r="B1" s="30"/>
      <c r="C1" s="30"/>
      <c r="D1" s="30"/>
      <c r="E1" s="30"/>
      <c r="F1" s="30"/>
    </row>
    <row r="2" spans="1:6" ht="20.100000000000001" customHeight="1" x14ac:dyDescent="0.15">
      <c r="A2" s="31" t="s">
        <v>17</v>
      </c>
      <c r="B2" s="27"/>
      <c r="C2" s="27"/>
      <c r="D2" s="27"/>
      <c r="E2" s="27"/>
      <c r="F2" s="27"/>
    </row>
    <row r="3" spans="1:6" ht="6.95" customHeight="1" x14ac:dyDescent="0.15">
      <c r="A3" s="1"/>
    </row>
    <row r="4" spans="1:6" ht="18" customHeight="1" x14ac:dyDescent="0.2">
      <c r="A4" s="8"/>
      <c r="B4" s="10"/>
      <c r="C4" s="32" t="s">
        <v>12</v>
      </c>
      <c r="D4" s="32"/>
      <c r="E4" s="32"/>
      <c r="F4" s="32"/>
    </row>
    <row r="5" spans="1:6" ht="18" customHeight="1" x14ac:dyDescent="0.2">
      <c r="A5" s="11"/>
      <c r="B5" s="9"/>
      <c r="C5" s="32" t="s">
        <v>13</v>
      </c>
      <c r="D5" s="32"/>
      <c r="E5" s="32"/>
      <c r="F5" s="32"/>
    </row>
    <row r="6" spans="1:6" ht="18" customHeight="1" x14ac:dyDescent="0.2">
      <c r="A6" s="11"/>
      <c r="B6" s="9"/>
      <c r="C6" s="32" t="s">
        <v>14</v>
      </c>
      <c r="D6" s="32"/>
      <c r="E6" s="32"/>
      <c r="F6" s="32"/>
    </row>
    <row r="7" spans="1:6" ht="14.45" customHeight="1" x14ac:dyDescent="0.15">
      <c r="A7" s="34" t="s">
        <v>9</v>
      </c>
      <c r="B7" s="27"/>
      <c r="C7" s="27"/>
      <c r="D7" s="27"/>
      <c r="E7" s="27"/>
      <c r="F7" s="27"/>
    </row>
    <row r="8" spans="1:6" ht="14.45" customHeight="1" x14ac:dyDescent="0.15">
      <c r="A8" s="3"/>
    </row>
    <row r="9" spans="1:6" ht="9.9499999999999993" customHeight="1" x14ac:dyDescent="0.15">
      <c r="A9" s="22" t="s">
        <v>2</v>
      </c>
      <c r="B9" s="18" t="s">
        <v>22</v>
      </c>
      <c r="C9" s="38" t="s">
        <v>4</v>
      </c>
      <c r="D9" s="40" t="s">
        <v>2</v>
      </c>
      <c r="E9" s="18" t="s">
        <v>22</v>
      </c>
      <c r="F9" s="22" t="s">
        <v>4</v>
      </c>
    </row>
    <row r="10" spans="1:6" ht="23.1" customHeight="1" x14ac:dyDescent="0.15">
      <c r="A10" s="23"/>
      <c r="B10" s="19" t="s">
        <v>3</v>
      </c>
      <c r="C10" s="39"/>
      <c r="D10" s="35"/>
      <c r="E10" s="19" t="s">
        <v>3</v>
      </c>
      <c r="F10" s="23"/>
    </row>
    <row r="11" spans="1:6" ht="9.9499999999999993" customHeight="1" x14ac:dyDescent="0.15">
      <c r="A11" s="24">
        <v>1</v>
      </c>
      <c r="B11" s="17"/>
      <c r="C11" s="38"/>
      <c r="D11" s="36">
        <v>16</v>
      </c>
      <c r="E11" s="17"/>
      <c r="F11" s="22"/>
    </row>
    <row r="12" spans="1:6" s="4" customFormat="1" ht="23.1" customHeight="1" x14ac:dyDescent="0.15">
      <c r="A12" s="25"/>
      <c r="B12" s="16"/>
      <c r="C12" s="39"/>
      <c r="D12" s="37"/>
      <c r="E12" s="16"/>
      <c r="F12" s="23"/>
    </row>
    <row r="13" spans="1:6" ht="9.9499999999999993" customHeight="1" x14ac:dyDescent="0.15">
      <c r="A13" s="24">
        <v>2</v>
      </c>
      <c r="B13" s="17"/>
      <c r="C13" s="38"/>
      <c r="D13" s="36">
        <v>17</v>
      </c>
      <c r="E13" s="17"/>
      <c r="F13" s="22"/>
    </row>
    <row r="14" spans="1:6" s="4" customFormat="1" ht="23.1" customHeight="1" x14ac:dyDescent="0.15">
      <c r="A14" s="25"/>
      <c r="B14" s="16"/>
      <c r="C14" s="39"/>
      <c r="D14" s="37"/>
      <c r="E14" s="16"/>
      <c r="F14" s="23"/>
    </row>
    <row r="15" spans="1:6" ht="9.9499999999999993" customHeight="1" x14ac:dyDescent="0.15">
      <c r="A15" s="24">
        <v>3</v>
      </c>
      <c r="B15" s="17"/>
      <c r="C15" s="38"/>
      <c r="D15" s="36">
        <v>18</v>
      </c>
      <c r="E15" s="17"/>
      <c r="F15" s="22"/>
    </row>
    <row r="16" spans="1:6" s="4" customFormat="1" ht="23.1" customHeight="1" x14ac:dyDescent="0.15">
      <c r="A16" s="25"/>
      <c r="B16" s="16"/>
      <c r="C16" s="39"/>
      <c r="D16" s="37"/>
      <c r="E16" s="16"/>
      <c r="F16" s="23"/>
    </row>
    <row r="17" spans="1:6" ht="9.9499999999999993" customHeight="1" x14ac:dyDescent="0.15">
      <c r="A17" s="24">
        <v>4</v>
      </c>
      <c r="B17" s="17"/>
      <c r="C17" s="38"/>
      <c r="D17" s="36">
        <v>19</v>
      </c>
      <c r="E17" s="17"/>
      <c r="F17" s="22"/>
    </row>
    <row r="18" spans="1:6" s="4" customFormat="1" ht="23.1" customHeight="1" x14ac:dyDescent="0.15">
      <c r="A18" s="25"/>
      <c r="B18" s="16"/>
      <c r="C18" s="39"/>
      <c r="D18" s="37"/>
      <c r="E18" s="16"/>
      <c r="F18" s="23"/>
    </row>
    <row r="19" spans="1:6" ht="9.9499999999999993" customHeight="1" x14ac:dyDescent="0.15">
      <c r="A19" s="24">
        <v>5</v>
      </c>
      <c r="B19" s="17"/>
      <c r="C19" s="38"/>
      <c r="D19" s="36">
        <v>20</v>
      </c>
      <c r="E19" s="17"/>
      <c r="F19" s="22"/>
    </row>
    <row r="20" spans="1:6" s="4" customFormat="1" ht="23.1" customHeight="1" x14ac:dyDescent="0.15">
      <c r="A20" s="25"/>
      <c r="B20" s="16"/>
      <c r="C20" s="39"/>
      <c r="D20" s="37"/>
      <c r="E20" s="16"/>
      <c r="F20" s="23"/>
    </row>
    <row r="21" spans="1:6" ht="9.9499999999999993" customHeight="1" x14ac:dyDescent="0.15">
      <c r="A21" s="24">
        <v>6</v>
      </c>
      <c r="B21" s="17"/>
      <c r="C21" s="38"/>
      <c r="D21" s="36">
        <v>21</v>
      </c>
      <c r="E21" s="17"/>
      <c r="F21" s="22"/>
    </row>
    <row r="22" spans="1:6" s="4" customFormat="1" ht="23.1" customHeight="1" x14ac:dyDescent="0.15">
      <c r="A22" s="25"/>
      <c r="B22" s="16"/>
      <c r="C22" s="39"/>
      <c r="D22" s="37"/>
      <c r="E22" s="16"/>
      <c r="F22" s="23"/>
    </row>
    <row r="23" spans="1:6" ht="9.9499999999999993" customHeight="1" x14ac:dyDescent="0.15">
      <c r="A23" s="24">
        <v>7</v>
      </c>
      <c r="B23" s="17"/>
      <c r="C23" s="38"/>
      <c r="D23" s="36">
        <v>22</v>
      </c>
      <c r="E23" s="17"/>
      <c r="F23" s="22"/>
    </row>
    <row r="24" spans="1:6" s="4" customFormat="1" ht="23.1" customHeight="1" x14ac:dyDescent="0.15">
      <c r="A24" s="25"/>
      <c r="B24" s="16"/>
      <c r="C24" s="39"/>
      <c r="D24" s="37"/>
      <c r="E24" s="16"/>
      <c r="F24" s="23"/>
    </row>
    <row r="25" spans="1:6" ht="9.9499999999999993" customHeight="1" x14ac:dyDescent="0.15">
      <c r="A25" s="24">
        <v>8</v>
      </c>
      <c r="B25" s="17"/>
      <c r="C25" s="38"/>
      <c r="D25" s="36">
        <v>23</v>
      </c>
      <c r="E25" s="17"/>
      <c r="F25" s="22"/>
    </row>
    <row r="26" spans="1:6" s="4" customFormat="1" ht="23.1" customHeight="1" x14ac:dyDescent="0.15">
      <c r="A26" s="25"/>
      <c r="B26" s="16"/>
      <c r="C26" s="39"/>
      <c r="D26" s="37"/>
      <c r="E26" s="16"/>
      <c r="F26" s="23"/>
    </row>
    <row r="27" spans="1:6" ht="9.9499999999999993" customHeight="1" x14ac:dyDescent="0.15">
      <c r="A27" s="24">
        <v>9</v>
      </c>
      <c r="B27" s="17"/>
      <c r="C27" s="38"/>
      <c r="D27" s="36">
        <v>24</v>
      </c>
      <c r="E27" s="17"/>
      <c r="F27" s="22"/>
    </row>
    <row r="28" spans="1:6" s="4" customFormat="1" ht="23.1" customHeight="1" x14ac:dyDescent="0.15">
      <c r="A28" s="25"/>
      <c r="B28" s="16"/>
      <c r="C28" s="39"/>
      <c r="D28" s="37"/>
      <c r="E28" s="16"/>
      <c r="F28" s="23"/>
    </row>
    <row r="29" spans="1:6" ht="9.9499999999999993" customHeight="1" x14ac:dyDescent="0.15">
      <c r="A29" s="24">
        <v>10</v>
      </c>
      <c r="B29" s="17"/>
      <c r="C29" s="38"/>
      <c r="D29" s="36">
        <v>25</v>
      </c>
      <c r="E29" s="17"/>
      <c r="F29" s="22"/>
    </row>
    <row r="30" spans="1:6" s="4" customFormat="1" ht="23.1" customHeight="1" x14ac:dyDescent="0.15">
      <c r="A30" s="25"/>
      <c r="B30" s="16"/>
      <c r="C30" s="39"/>
      <c r="D30" s="37"/>
      <c r="E30" s="16"/>
      <c r="F30" s="23"/>
    </row>
    <row r="31" spans="1:6" ht="9.9499999999999993" customHeight="1" x14ac:dyDescent="0.15">
      <c r="A31" s="24">
        <v>11</v>
      </c>
      <c r="B31" s="17"/>
      <c r="C31" s="38"/>
      <c r="D31" s="36">
        <v>26</v>
      </c>
      <c r="E31" s="17"/>
      <c r="F31" s="22"/>
    </row>
    <row r="32" spans="1:6" s="4" customFormat="1" ht="23.1" customHeight="1" x14ac:dyDescent="0.15">
      <c r="A32" s="25"/>
      <c r="B32" s="16"/>
      <c r="C32" s="39"/>
      <c r="D32" s="37"/>
      <c r="E32" s="16"/>
      <c r="F32" s="23"/>
    </row>
    <row r="33" spans="1:6" ht="9.9499999999999993" customHeight="1" x14ac:dyDescent="0.15">
      <c r="A33" s="24">
        <v>12</v>
      </c>
      <c r="B33" s="17"/>
      <c r="C33" s="38"/>
      <c r="D33" s="36">
        <v>27</v>
      </c>
      <c r="E33" s="17"/>
      <c r="F33" s="22"/>
    </row>
    <row r="34" spans="1:6" s="4" customFormat="1" ht="23.1" customHeight="1" x14ac:dyDescent="0.15">
      <c r="A34" s="25"/>
      <c r="B34" s="16"/>
      <c r="C34" s="39"/>
      <c r="D34" s="37"/>
      <c r="E34" s="16"/>
      <c r="F34" s="23"/>
    </row>
    <row r="35" spans="1:6" ht="9.9499999999999993" customHeight="1" x14ac:dyDescent="0.15">
      <c r="A35" s="24">
        <v>13</v>
      </c>
      <c r="B35" s="17"/>
      <c r="C35" s="38"/>
      <c r="D35" s="36">
        <v>28</v>
      </c>
      <c r="E35" s="17"/>
      <c r="F35" s="22"/>
    </row>
    <row r="36" spans="1:6" s="4" customFormat="1" ht="23.1" customHeight="1" x14ac:dyDescent="0.15">
      <c r="A36" s="25"/>
      <c r="B36" s="16"/>
      <c r="C36" s="39"/>
      <c r="D36" s="37"/>
      <c r="E36" s="16"/>
      <c r="F36" s="23"/>
    </row>
    <row r="37" spans="1:6" ht="9.9499999999999993" customHeight="1" x14ac:dyDescent="0.15">
      <c r="A37" s="24">
        <v>14</v>
      </c>
      <c r="B37" s="17"/>
      <c r="C37" s="38"/>
      <c r="D37" s="36">
        <v>29</v>
      </c>
      <c r="E37" s="17"/>
      <c r="F37" s="22"/>
    </row>
    <row r="38" spans="1:6" s="4" customFormat="1" ht="23.1" customHeight="1" x14ac:dyDescent="0.15">
      <c r="A38" s="25"/>
      <c r="B38" s="16"/>
      <c r="C38" s="39"/>
      <c r="D38" s="37"/>
      <c r="E38" s="16"/>
      <c r="F38" s="23"/>
    </row>
    <row r="39" spans="1:6" ht="9.9499999999999993" customHeight="1" x14ac:dyDescent="0.15">
      <c r="A39" s="24">
        <v>15</v>
      </c>
      <c r="B39" s="17"/>
      <c r="C39" s="38"/>
      <c r="D39" s="36">
        <v>30</v>
      </c>
      <c r="E39" s="17"/>
      <c r="F39" s="22"/>
    </row>
    <row r="40" spans="1:6" s="4" customFormat="1" ht="23.1" customHeight="1" x14ac:dyDescent="0.15">
      <c r="A40" s="25"/>
      <c r="B40" s="16"/>
      <c r="C40" s="39"/>
      <c r="D40" s="37"/>
      <c r="E40" s="16"/>
      <c r="F40" s="23"/>
    </row>
    <row r="41" spans="1:6" ht="14.1" customHeight="1" x14ac:dyDescent="0.15">
      <c r="A41" s="28" t="s">
        <v>10</v>
      </c>
      <c r="B41" s="27"/>
      <c r="C41" s="27"/>
      <c r="D41" s="27"/>
      <c r="E41" s="27"/>
      <c r="F41" s="27"/>
    </row>
    <row r="42" spans="1:6" ht="14.1" customHeight="1" x14ac:dyDescent="0.15">
      <c r="A42" s="28" t="s">
        <v>11</v>
      </c>
      <c r="B42" s="27"/>
      <c r="C42" s="27"/>
      <c r="D42" s="27"/>
      <c r="E42" s="27"/>
      <c r="F42" s="27"/>
    </row>
    <row r="43" spans="1:6" ht="14.1" customHeight="1" x14ac:dyDescent="0.15">
      <c r="A43" s="28" t="s">
        <v>5</v>
      </c>
      <c r="B43" s="27"/>
      <c r="C43" s="27"/>
      <c r="D43" s="27"/>
      <c r="E43" s="27"/>
      <c r="F43" s="27"/>
    </row>
    <row r="44" spans="1:6" ht="14.1" customHeight="1" x14ac:dyDescent="0.15">
      <c r="A44" s="28" t="s">
        <v>6</v>
      </c>
      <c r="B44" s="28"/>
      <c r="C44" s="28"/>
      <c r="D44" s="28"/>
      <c r="E44" s="28"/>
      <c r="F44" s="28"/>
    </row>
    <row r="45" spans="1:6" ht="6.95" customHeight="1" x14ac:dyDescent="0.15">
      <c r="A45" s="12"/>
      <c r="B45" s="12"/>
      <c r="C45" s="12"/>
      <c r="D45" s="12"/>
      <c r="E45" s="12"/>
      <c r="F45" s="12"/>
    </row>
    <row r="46" spans="1:6" ht="27" customHeight="1" x14ac:dyDescent="0.15">
      <c r="A46" s="28" t="s">
        <v>7</v>
      </c>
      <c r="B46" s="27"/>
      <c r="C46" s="27"/>
      <c r="D46" s="27"/>
      <c r="E46" s="27"/>
      <c r="F46" s="27"/>
    </row>
    <row r="47" spans="1:6" ht="6.95" customHeight="1" x14ac:dyDescent="0.15">
      <c r="A47" s="1"/>
    </row>
    <row r="48" spans="1:6" s="4" customFormat="1" ht="20.100000000000001" customHeight="1" thickBot="1" x14ac:dyDescent="0.2">
      <c r="A48" s="5" t="s">
        <v>19</v>
      </c>
      <c r="B48" s="13"/>
      <c r="C48" s="20" t="s">
        <v>18</v>
      </c>
      <c r="D48" s="6" t="s">
        <v>21</v>
      </c>
      <c r="E48" s="13"/>
      <c r="F48" s="20" t="s">
        <v>18</v>
      </c>
    </row>
    <row r="49" spans="1:6" s="4" customFormat="1" ht="20.100000000000001" customHeight="1" thickBot="1" x14ac:dyDescent="0.2">
      <c r="A49" s="5" t="s">
        <v>20</v>
      </c>
      <c r="B49" s="13"/>
      <c r="C49" s="20" t="s">
        <v>18</v>
      </c>
      <c r="D49" s="7" t="s">
        <v>8</v>
      </c>
      <c r="E49" s="15"/>
      <c r="F49" s="21" t="s">
        <v>18</v>
      </c>
    </row>
    <row r="50" spans="1:6" x14ac:dyDescent="0.15">
      <c r="A50" s="1"/>
    </row>
    <row r="51" spans="1:6" x14ac:dyDescent="0.15">
      <c r="A51" s="2"/>
    </row>
  </sheetData>
  <mergeCells count="75">
    <mergeCell ref="A7:F7"/>
    <mergeCell ref="A1:F1"/>
    <mergeCell ref="A2:F2"/>
    <mergeCell ref="C4:F4"/>
    <mergeCell ref="C5:F5"/>
    <mergeCell ref="C6:F6"/>
    <mergeCell ref="A9:A10"/>
    <mergeCell ref="C9:C10"/>
    <mergeCell ref="D9:D10"/>
    <mergeCell ref="F9:F10"/>
    <mergeCell ref="A11:A12"/>
    <mergeCell ref="C11:C12"/>
    <mergeCell ref="D11:D12"/>
    <mergeCell ref="F11:F12"/>
    <mergeCell ref="A13:A14"/>
    <mergeCell ref="C13:C14"/>
    <mergeCell ref="D13:D14"/>
    <mergeCell ref="F13:F14"/>
    <mergeCell ref="A15:A16"/>
    <mergeCell ref="C15:C16"/>
    <mergeCell ref="D15:D16"/>
    <mergeCell ref="F15:F16"/>
    <mergeCell ref="A17:A18"/>
    <mergeCell ref="C17:C18"/>
    <mergeCell ref="D17:D18"/>
    <mergeCell ref="F17:F18"/>
    <mergeCell ref="A19:A20"/>
    <mergeCell ref="C19:C20"/>
    <mergeCell ref="D19:D20"/>
    <mergeCell ref="F19:F20"/>
    <mergeCell ref="A21:A22"/>
    <mergeCell ref="C21:C22"/>
    <mergeCell ref="D21:D22"/>
    <mergeCell ref="F21:F22"/>
    <mergeCell ref="A23:A24"/>
    <mergeCell ref="C23:C24"/>
    <mergeCell ref="D23:D24"/>
    <mergeCell ref="F23:F24"/>
    <mergeCell ref="A25:A26"/>
    <mergeCell ref="C25:C26"/>
    <mergeCell ref="D25:D26"/>
    <mergeCell ref="F25:F26"/>
    <mergeCell ref="A27:A28"/>
    <mergeCell ref="C27:C28"/>
    <mergeCell ref="D27:D28"/>
    <mergeCell ref="F27:F28"/>
    <mergeCell ref="A29:A30"/>
    <mergeCell ref="C29:C30"/>
    <mergeCell ref="D29:D30"/>
    <mergeCell ref="F29:F30"/>
    <mergeCell ref="A31:A32"/>
    <mergeCell ref="C31:C32"/>
    <mergeCell ref="D31:D32"/>
    <mergeCell ref="F31:F32"/>
    <mergeCell ref="A33:A34"/>
    <mergeCell ref="C33:C34"/>
    <mergeCell ref="D33:D34"/>
    <mergeCell ref="F33:F34"/>
    <mergeCell ref="A35:A36"/>
    <mergeCell ref="C35:C36"/>
    <mergeCell ref="D35:D36"/>
    <mergeCell ref="F35:F36"/>
    <mergeCell ref="A37:A38"/>
    <mergeCell ref="C37:C38"/>
    <mergeCell ref="D37:D38"/>
    <mergeCell ref="F37:F38"/>
    <mergeCell ref="A39:A40"/>
    <mergeCell ref="C39:C40"/>
    <mergeCell ref="D39:D40"/>
    <mergeCell ref="F39:F40"/>
    <mergeCell ref="A41:F41"/>
    <mergeCell ref="A42:F42"/>
    <mergeCell ref="A43:F43"/>
    <mergeCell ref="A44:F44"/>
    <mergeCell ref="A46:F46"/>
  </mergeCells>
  <phoneticPr fontId="28"/>
  <printOptions horizontalCentered="1"/>
  <pageMargins left="0.23622047244094491" right="0.23622047244094491" top="0.74803149606299213" bottom="0.7480314960629921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TotalTime>268</TotalTime>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2-1)R7応募者名簿(文化財保護)</vt:lpstr>
      <vt:lpstr>(様式2-2)R7応募者名簿(私のまち)</vt:lpstr>
      <vt:lpstr>(様式2-3)R7応募者名簿(世界遺産)</vt:lpstr>
      <vt:lpstr>'(様式2-1)R7応募者名簿(文化財保護)'!Print_Area</vt:lpstr>
      <vt:lpstr>'(様式2-2)R7応募者名簿(私のまち)'!Print_Area</vt:lpstr>
      <vt:lpstr>'(様式2-3)R7応募者名簿(世界遺産)'!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別紙様式</dc:title>
  <dc:creator>企画部情報システム課</dc:creator>
  <cp:lastModifiedBy>羽入 はるか</cp:lastModifiedBy>
  <cp:revision>2</cp:revision>
  <cp:lastPrinted>2025-04-23T07:56:27Z</cp:lastPrinted>
  <dcterms:created xsi:type="dcterms:W3CDTF">2024-04-26T04:38:00Z</dcterms:created>
  <dcterms:modified xsi:type="dcterms:W3CDTF">2025-04-23T07:56:28Z</dcterms:modified>
</cp:coreProperties>
</file>